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ink/ink1.xml" ContentType="application/inkml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37"/>
  </p:notesMasterIdLst>
  <p:handoutMasterIdLst>
    <p:handoutMasterId r:id="rId38"/>
  </p:handoutMasterIdLst>
  <p:sldIdLst>
    <p:sldId id="256" r:id="rId10"/>
    <p:sldId id="260" r:id="rId11"/>
    <p:sldId id="257" r:id="rId12"/>
    <p:sldId id="293" r:id="rId13"/>
    <p:sldId id="294" r:id="rId14"/>
    <p:sldId id="292" r:id="rId15"/>
    <p:sldId id="264" r:id="rId16"/>
    <p:sldId id="262" r:id="rId17"/>
    <p:sldId id="268" r:id="rId18"/>
    <p:sldId id="267" r:id="rId19"/>
    <p:sldId id="297" r:id="rId20"/>
    <p:sldId id="295" r:id="rId21"/>
    <p:sldId id="298" r:id="rId22"/>
    <p:sldId id="299" r:id="rId23"/>
    <p:sldId id="296" r:id="rId24"/>
    <p:sldId id="300" r:id="rId25"/>
    <p:sldId id="301" r:id="rId26"/>
    <p:sldId id="272" r:id="rId27"/>
    <p:sldId id="273" r:id="rId28"/>
    <p:sldId id="274" r:id="rId29"/>
    <p:sldId id="283" r:id="rId30"/>
    <p:sldId id="277" r:id="rId31"/>
    <p:sldId id="278" r:id="rId32"/>
    <p:sldId id="282" r:id="rId33"/>
    <p:sldId id="286" r:id="rId34"/>
    <p:sldId id="279" r:id="rId35"/>
    <p:sldId id="288" r:id="rId36"/>
  </p:sldIdLst>
  <p:sldSz cx="12190413" cy="6858000"/>
  <p:notesSz cx="6858000" cy="9144000"/>
  <p:custDataLst>
    <p:tags r:id="rId3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660099"/>
    <a:srgbClr val="FF0000"/>
    <a:srgbClr val="000000"/>
    <a:srgbClr val="FFFFFF"/>
    <a:srgbClr val="990000"/>
    <a:srgbClr val="FFCC00"/>
    <a:srgbClr val="FF66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15A8530-F464-4271-8D8F-E7731BC950E9}" v="231" dt="2021-09-28T09:40:59.359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5225" autoAdjust="0"/>
    <p:restoredTop sz="72307" autoAdjust="0"/>
  </p:normalViewPr>
  <p:slideViewPr>
    <p:cSldViewPr showGuides="1">
      <p:cViewPr>
        <p:scale>
          <a:sx n="92" d="100"/>
          <a:sy n="92" d="100"/>
        </p:scale>
        <p:origin x="57" y="-28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notesMaster" Target="notesMasters/notesMaster1.xml"/><Relationship Id="rId40" Type="http://schemas.openxmlformats.org/officeDocument/2006/relationships/presProps" Target="presProps.xml"/><Relationship Id="rId45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dam Wilson" userId="b8e2e8a2000bddc0" providerId="LiveId" clId="{515A8530-F464-4271-8D8F-E7731BC950E9}"/>
    <pc:docChg chg="undo custSel addSld delSld modSld sldOrd">
      <pc:chgData name="Adam Wilson" userId="b8e2e8a2000bddc0" providerId="LiveId" clId="{515A8530-F464-4271-8D8F-E7731BC950E9}" dt="2021-09-29T06:54:10.059" v="1302" actId="478"/>
      <pc:docMkLst>
        <pc:docMk/>
      </pc:docMkLst>
      <pc:sldChg chg="addSp delSp modSp mod">
        <pc:chgData name="Adam Wilson" userId="b8e2e8a2000bddc0" providerId="LiveId" clId="{515A8530-F464-4271-8D8F-E7731BC950E9}" dt="2021-09-22T08:42:03.867" v="704" actId="1076"/>
        <pc:sldMkLst>
          <pc:docMk/>
          <pc:sldMk cId="1796381250" sldId="257"/>
        </pc:sldMkLst>
        <pc:spChg chg="mod">
          <ac:chgData name="Adam Wilson" userId="b8e2e8a2000bddc0" providerId="LiveId" clId="{515A8530-F464-4271-8D8F-E7731BC950E9}" dt="2021-09-22T08:41:37.696" v="683" actId="20577"/>
          <ac:spMkLst>
            <pc:docMk/>
            <pc:sldMk cId="1796381250" sldId="257"/>
            <ac:spMk id="5" creationId="{43AB9D89-4678-4B3C-8679-3E429EFBB2DD}"/>
          </ac:spMkLst>
        </pc:spChg>
        <pc:spChg chg="mod">
          <ac:chgData name="Adam Wilson" userId="b8e2e8a2000bddc0" providerId="LiveId" clId="{515A8530-F464-4271-8D8F-E7731BC950E9}" dt="2021-09-22T08:42:03.867" v="704" actId="1076"/>
          <ac:spMkLst>
            <pc:docMk/>
            <pc:sldMk cId="1796381250" sldId="257"/>
            <ac:spMk id="6" creationId="{5A5890CD-8F90-4FE7-841F-F7B0C2865BA2}"/>
          </ac:spMkLst>
        </pc:spChg>
        <pc:spChg chg="add del mod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20" creationId="{3EF59975-2196-4EF1-BFCA-42F1A31B2D7F}"/>
          </ac:spMkLst>
        </pc:spChg>
        <pc:spChg chg="add del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23" creationId="{3D485BE7-CE90-455A-98A7-025CA98AE5BD}"/>
          </ac:spMkLst>
        </pc:spChg>
        <pc:spChg chg="add del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29" creationId="{7C4463E6-DF25-4310-920F-B9CE3CB0275B}"/>
          </ac:spMkLst>
        </pc:spChg>
        <pc:spChg chg="add del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30" creationId="{A1BE287F-7789-4FEF-A70C-6F051A4DE807}"/>
          </ac:spMkLst>
        </pc:spChg>
        <pc:spChg chg="add del mod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49" creationId="{9FB8B497-19CB-42A8-B8DF-193BE44BD8D1}"/>
          </ac:spMkLst>
        </pc:spChg>
        <pc:spChg chg="add del mod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51" creationId="{4FB461BA-33E0-462F-9058-050EABB070B4}"/>
          </ac:spMkLst>
        </pc:spChg>
        <pc:spChg chg="add del mod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52" creationId="{75489554-7E53-43DC-8237-1F387B78D955}"/>
          </ac:spMkLst>
        </pc:spChg>
        <pc:spChg chg="add del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91" creationId="{E363047D-1B0F-4DC8-ADB0-508F6509E883}"/>
          </ac:spMkLst>
        </pc:spChg>
        <pc:spChg chg="add del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99" creationId="{CDD44B02-FF34-4027-B437-4526649FB5B7}"/>
          </ac:spMkLst>
        </pc:spChg>
        <pc:spChg chg="add del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100" creationId="{E4D5E848-FD6E-426E-876B-7D5BD4CC3904}"/>
          </ac:spMkLst>
        </pc:spChg>
        <pc:spChg chg="add del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107" creationId="{7865AE4D-CA80-458F-8654-4303DD606C53}"/>
          </ac:spMkLst>
        </pc:spChg>
        <pc:spChg chg="add del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108" creationId="{45F1475D-3C1F-4CD6-85D1-407079F5013B}"/>
          </ac:spMkLst>
        </pc:spChg>
        <pc:spChg chg="add del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115" creationId="{B93AFAD9-690B-46EB-9A58-130DA0C148E0}"/>
          </ac:spMkLst>
        </pc:spChg>
        <pc:spChg chg="add del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116" creationId="{5C37189D-A5A6-4FE2-BAD9-DFBA24A29BFE}"/>
          </ac:spMkLst>
        </pc:spChg>
        <pc:spChg chg="add del">
          <ac:chgData name="Adam Wilson" userId="b8e2e8a2000bddc0" providerId="LiveId" clId="{515A8530-F464-4271-8D8F-E7731BC950E9}" dt="2021-09-22T08:41:15.093" v="674" actId="21"/>
          <ac:spMkLst>
            <pc:docMk/>
            <pc:sldMk cId="1796381250" sldId="257"/>
            <ac:spMk id="144" creationId="{C89B1F3D-28B2-402B-917F-FBB877EB8572}"/>
          </ac:spMkLst>
        </pc:spChg>
        <pc:grpChg chg="add del">
          <ac:chgData name="Adam Wilson" userId="b8e2e8a2000bddc0" providerId="LiveId" clId="{515A8530-F464-4271-8D8F-E7731BC950E9}" dt="2021-09-22T08:41:15.093" v="674" actId="21"/>
          <ac:grpSpMkLst>
            <pc:docMk/>
            <pc:sldMk cId="1796381250" sldId="257"/>
            <ac:grpSpMk id="41" creationId="{49F3A434-6FC7-41E0-856B-440E73404FD5}"/>
          </ac:grpSpMkLst>
        </pc:grpChg>
        <pc:grpChg chg="add del">
          <ac:chgData name="Adam Wilson" userId="b8e2e8a2000bddc0" providerId="LiveId" clId="{515A8530-F464-4271-8D8F-E7731BC950E9}" dt="2021-09-22T08:41:15.093" v="674" actId="21"/>
          <ac:grpSpMkLst>
            <pc:docMk/>
            <pc:sldMk cId="1796381250" sldId="257"/>
            <ac:grpSpMk id="42" creationId="{7DAA623C-9C91-40FC-98F3-486354467DFB}"/>
          </ac:grpSpMkLst>
        </pc:grpChg>
        <pc:grpChg chg="add del mod">
          <ac:chgData name="Adam Wilson" userId="b8e2e8a2000bddc0" providerId="LiveId" clId="{515A8530-F464-4271-8D8F-E7731BC950E9}" dt="2021-09-22T08:41:15.093" v="674" actId="21"/>
          <ac:grpSpMkLst>
            <pc:docMk/>
            <pc:sldMk cId="1796381250" sldId="257"/>
            <ac:grpSpMk id="46" creationId="{06B66944-837B-4D4C-86F1-EFCC79DAE238}"/>
          </ac:grpSpMkLst>
        </pc:grpChg>
        <pc:grpChg chg="add del">
          <ac:chgData name="Adam Wilson" userId="b8e2e8a2000bddc0" providerId="LiveId" clId="{515A8530-F464-4271-8D8F-E7731BC950E9}" dt="2021-09-22T08:41:15.093" v="674" actId="21"/>
          <ac:grpSpMkLst>
            <pc:docMk/>
            <pc:sldMk cId="1796381250" sldId="257"/>
            <ac:grpSpMk id="96" creationId="{2DB3A3CF-A984-4AAA-8E81-70F73222FF66}"/>
          </ac:grpSpMkLst>
        </pc:grpChg>
        <pc:grpChg chg="add del">
          <ac:chgData name="Adam Wilson" userId="b8e2e8a2000bddc0" providerId="LiveId" clId="{515A8530-F464-4271-8D8F-E7731BC950E9}" dt="2021-09-22T08:41:15.093" v="674" actId="21"/>
          <ac:grpSpMkLst>
            <pc:docMk/>
            <pc:sldMk cId="1796381250" sldId="257"/>
            <ac:grpSpMk id="101" creationId="{EDCE62A0-3A71-4AA6-A4DC-FADD61AAAFED}"/>
          </ac:grpSpMkLst>
        </pc:grpChg>
        <pc:grpChg chg="add del">
          <ac:chgData name="Adam Wilson" userId="b8e2e8a2000bddc0" providerId="LiveId" clId="{515A8530-F464-4271-8D8F-E7731BC950E9}" dt="2021-09-22T08:41:15.093" v="674" actId="21"/>
          <ac:grpSpMkLst>
            <pc:docMk/>
            <pc:sldMk cId="1796381250" sldId="257"/>
            <ac:grpSpMk id="104" creationId="{B5ACE788-A288-486D-8D60-54D090D9AB10}"/>
          </ac:grpSpMkLst>
        </pc:grpChg>
        <pc:grpChg chg="add del">
          <ac:chgData name="Adam Wilson" userId="b8e2e8a2000bddc0" providerId="LiveId" clId="{515A8530-F464-4271-8D8F-E7731BC950E9}" dt="2021-09-22T08:41:15.093" v="674" actId="21"/>
          <ac:grpSpMkLst>
            <pc:docMk/>
            <pc:sldMk cId="1796381250" sldId="257"/>
            <ac:grpSpMk id="109" creationId="{A71B0BA1-3F62-48D7-9F7B-8630C5BE15EA}"/>
          </ac:grpSpMkLst>
        </pc:grpChg>
        <pc:grpChg chg="add del">
          <ac:chgData name="Adam Wilson" userId="b8e2e8a2000bddc0" providerId="LiveId" clId="{515A8530-F464-4271-8D8F-E7731BC950E9}" dt="2021-09-22T08:41:15.093" v="674" actId="21"/>
          <ac:grpSpMkLst>
            <pc:docMk/>
            <pc:sldMk cId="1796381250" sldId="257"/>
            <ac:grpSpMk id="112" creationId="{911C8BCC-6B32-47E5-BE6D-0C2C5C60E3C5}"/>
          </ac:grpSpMkLst>
        </pc:grpChg>
        <pc:cxnChg chg="add del">
          <ac:chgData name="Adam Wilson" userId="b8e2e8a2000bddc0" providerId="LiveId" clId="{515A8530-F464-4271-8D8F-E7731BC950E9}" dt="2021-09-22T08:41:15.093" v="674" actId="21"/>
          <ac:cxnSpMkLst>
            <pc:docMk/>
            <pc:sldMk cId="1796381250" sldId="257"/>
            <ac:cxnSpMk id="24" creationId="{5FAEFE6E-789B-4720-8985-D65949572FEF}"/>
          </ac:cxnSpMkLst>
        </pc:cxnChg>
        <pc:cxnChg chg="add del">
          <ac:chgData name="Adam Wilson" userId="b8e2e8a2000bddc0" providerId="LiveId" clId="{515A8530-F464-4271-8D8F-E7731BC950E9}" dt="2021-09-22T08:41:15.093" v="674" actId="21"/>
          <ac:cxnSpMkLst>
            <pc:docMk/>
            <pc:sldMk cId="1796381250" sldId="257"/>
            <ac:cxnSpMk id="25" creationId="{77635938-151B-423F-871B-5712086114F8}"/>
          </ac:cxnSpMkLst>
        </pc:cxnChg>
        <pc:cxnChg chg="add del">
          <ac:chgData name="Adam Wilson" userId="b8e2e8a2000bddc0" providerId="LiveId" clId="{515A8530-F464-4271-8D8F-E7731BC950E9}" dt="2021-09-22T08:41:15.093" v="674" actId="21"/>
          <ac:cxnSpMkLst>
            <pc:docMk/>
            <pc:sldMk cId="1796381250" sldId="257"/>
            <ac:cxnSpMk id="26" creationId="{E64B936E-CBC5-4B7C-974B-8D1A785548D2}"/>
          </ac:cxnSpMkLst>
        </pc:cxnChg>
        <pc:cxnChg chg="add del">
          <ac:chgData name="Adam Wilson" userId="b8e2e8a2000bddc0" providerId="LiveId" clId="{515A8530-F464-4271-8D8F-E7731BC950E9}" dt="2021-09-22T08:41:15.093" v="674" actId="21"/>
          <ac:cxnSpMkLst>
            <pc:docMk/>
            <pc:sldMk cId="1796381250" sldId="257"/>
            <ac:cxnSpMk id="27" creationId="{73A31D25-3E7A-4FB5-BA92-95D044D19BB3}"/>
          </ac:cxnSpMkLst>
        </pc:cxnChg>
        <pc:cxnChg chg="mod">
          <ac:chgData name="Adam Wilson" userId="b8e2e8a2000bddc0" providerId="LiveId" clId="{515A8530-F464-4271-8D8F-E7731BC950E9}" dt="2021-09-22T07:48:23.311" v="154" actId="1076"/>
          <ac:cxnSpMkLst>
            <pc:docMk/>
            <pc:sldMk cId="1796381250" sldId="257"/>
            <ac:cxnSpMk id="47" creationId="{AABA2ED6-F8EA-4ADA-8029-42696F0FC80E}"/>
          </ac:cxnSpMkLst>
        </pc:cxnChg>
        <pc:cxnChg chg="mod">
          <ac:chgData name="Adam Wilson" userId="b8e2e8a2000bddc0" providerId="LiveId" clId="{515A8530-F464-4271-8D8F-E7731BC950E9}" dt="2021-09-22T07:48:23.311" v="154" actId="1076"/>
          <ac:cxnSpMkLst>
            <pc:docMk/>
            <pc:sldMk cId="1796381250" sldId="257"/>
            <ac:cxnSpMk id="48" creationId="{8F2FE5CA-D3B2-43C5-B52C-3B19F77CD305}"/>
          </ac:cxnSpMkLst>
        </pc:cxnChg>
        <pc:cxnChg chg="add del">
          <ac:chgData name="Adam Wilson" userId="b8e2e8a2000bddc0" providerId="LiveId" clId="{515A8530-F464-4271-8D8F-E7731BC950E9}" dt="2021-09-22T08:41:15.093" v="674" actId="21"/>
          <ac:cxnSpMkLst>
            <pc:docMk/>
            <pc:sldMk cId="1796381250" sldId="257"/>
            <ac:cxnSpMk id="70" creationId="{800B8824-CB90-436E-AEC1-447EAE285A66}"/>
          </ac:cxnSpMkLst>
        </pc:cxnChg>
        <pc:cxnChg chg="add del">
          <ac:chgData name="Adam Wilson" userId="b8e2e8a2000bddc0" providerId="LiveId" clId="{515A8530-F464-4271-8D8F-E7731BC950E9}" dt="2021-09-22T08:41:15.093" v="674" actId="21"/>
          <ac:cxnSpMkLst>
            <pc:docMk/>
            <pc:sldMk cId="1796381250" sldId="257"/>
            <ac:cxnSpMk id="79" creationId="{0139E797-10FF-4EE2-A34C-AEE200D81E29}"/>
          </ac:cxnSpMkLst>
        </pc:cxnChg>
        <pc:cxnChg chg="add del">
          <ac:chgData name="Adam Wilson" userId="b8e2e8a2000bddc0" providerId="LiveId" clId="{515A8530-F464-4271-8D8F-E7731BC950E9}" dt="2021-09-22T08:41:15.093" v="674" actId="21"/>
          <ac:cxnSpMkLst>
            <pc:docMk/>
            <pc:sldMk cId="1796381250" sldId="257"/>
            <ac:cxnSpMk id="82" creationId="{ACC0F5D8-339E-482B-ADE6-81FA639F3B7F}"/>
          </ac:cxnSpMkLst>
        </pc:cxnChg>
        <pc:cxnChg chg="add del">
          <ac:chgData name="Adam Wilson" userId="b8e2e8a2000bddc0" providerId="LiveId" clId="{515A8530-F464-4271-8D8F-E7731BC950E9}" dt="2021-09-22T08:41:15.093" v="674" actId="21"/>
          <ac:cxnSpMkLst>
            <pc:docMk/>
            <pc:sldMk cId="1796381250" sldId="257"/>
            <ac:cxnSpMk id="85" creationId="{3526FADE-D554-49F3-A829-C491EF134818}"/>
          </ac:cxnSpMkLst>
        </pc:cxnChg>
      </pc:sldChg>
      <pc:sldChg chg="modSp mod">
        <pc:chgData name="Adam Wilson" userId="b8e2e8a2000bddc0" providerId="LiveId" clId="{515A8530-F464-4271-8D8F-E7731BC950E9}" dt="2021-09-27T12:34:41.866" v="1158" actId="403"/>
        <pc:sldMkLst>
          <pc:docMk/>
          <pc:sldMk cId="2320714135" sldId="260"/>
        </pc:sldMkLst>
        <pc:spChg chg="mod">
          <ac:chgData name="Adam Wilson" userId="b8e2e8a2000bddc0" providerId="LiveId" clId="{515A8530-F464-4271-8D8F-E7731BC950E9}" dt="2021-09-27T12:34:41.866" v="1158" actId="403"/>
          <ac:spMkLst>
            <pc:docMk/>
            <pc:sldMk cId="2320714135" sldId="260"/>
            <ac:spMk id="5" creationId="{88CE6942-A17C-4247-86C6-41FACF7E90AC}"/>
          </ac:spMkLst>
        </pc:spChg>
      </pc:sldChg>
      <pc:sldChg chg="addSp delSp modSp mod">
        <pc:chgData name="Adam Wilson" userId="b8e2e8a2000bddc0" providerId="LiveId" clId="{515A8530-F464-4271-8D8F-E7731BC950E9}" dt="2021-09-22T08:36:49.308" v="610" actId="478"/>
        <pc:sldMkLst>
          <pc:docMk/>
          <pc:sldMk cId="4086594679" sldId="264"/>
        </pc:sldMkLst>
        <pc:spChg chg="mod">
          <ac:chgData name="Adam Wilson" userId="b8e2e8a2000bddc0" providerId="LiveId" clId="{515A8530-F464-4271-8D8F-E7731BC950E9}" dt="2021-09-22T08:23:24.776" v="606" actId="20577"/>
          <ac:spMkLst>
            <pc:docMk/>
            <pc:sldMk cId="4086594679" sldId="264"/>
            <ac:spMk id="3" creationId="{06E16F1E-DACE-4112-8957-A1603D63DF35}"/>
          </ac:spMkLst>
        </pc:spChg>
        <pc:spChg chg="add mod">
          <ac:chgData name="Adam Wilson" userId="b8e2e8a2000bddc0" providerId="LiveId" clId="{515A8530-F464-4271-8D8F-E7731BC950E9}" dt="2021-09-22T08:23:39.979" v="607" actId="1076"/>
          <ac:spMkLst>
            <pc:docMk/>
            <pc:sldMk cId="4086594679" sldId="264"/>
            <ac:spMk id="25" creationId="{FE1E39B7-0342-4EE5-9F95-30555D18C913}"/>
          </ac:spMkLst>
        </pc:spChg>
        <pc:spChg chg="add mod">
          <ac:chgData name="Adam Wilson" userId="b8e2e8a2000bddc0" providerId="LiveId" clId="{515A8530-F464-4271-8D8F-E7731BC950E9}" dt="2021-09-22T08:23:39.979" v="607" actId="1076"/>
          <ac:spMkLst>
            <pc:docMk/>
            <pc:sldMk cId="4086594679" sldId="264"/>
            <ac:spMk id="26" creationId="{29586AE8-6CA6-44BA-86E7-297146F2DC24}"/>
          </ac:spMkLst>
        </pc:spChg>
        <pc:spChg chg="mod">
          <ac:chgData name="Adam Wilson" userId="b8e2e8a2000bddc0" providerId="LiveId" clId="{515A8530-F464-4271-8D8F-E7731BC950E9}" dt="2021-09-22T08:23:52.268" v="608" actId="1076"/>
          <ac:spMkLst>
            <pc:docMk/>
            <pc:sldMk cId="4086594679" sldId="264"/>
            <ac:spMk id="27" creationId="{9DFACBC6-0E60-488F-AFDB-2F860BE0D391}"/>
          </ac:spMkLst>
        </pc:spChg>
        <pc:spChg chg="add mod">
          <ac:chgData name="Adam Wilson" userId="b8e2e8a2000bddc0" providerId="LiveId" clId="{515A8530-F464-4271-8D8F-E7731BC950E9}" dt="2021-09-22T08:23:39.979" v="607" actId="1076"/>
          <ac:spMkLst>
            <pc:docMk/>
            <pc:sldMk cId="4086594679" sldId="264"/>
            <ac:spMk id="28" creationId="{8EE11E56-0EF2-4171-869B-9753EE7D9183}"/>
          </ac:spMkLst>
        </pc:spChg>
        <pc:spChg chg="mod">
          <ac:chgData name="Adam Wilson" userId="b8e2e8a2000bddc0" providerId="LiveId" clId="{515A8530-F464-4271-8D8F-E7731BC950E9}" dt="2021-09-22T08:23:52.268" v="608" actId="1076"/>
          <ac:spMkLst>
            <pc:docMk/>
            <pc:sldMk cId="4086594679" sldId="264"/>
            <ac:spMk id="29" creationId="{283D432B-0E8C-46F4-9CE7-A21FC9F07ACF}"/>
          </ac:spMkLst>
        </pc:spChg>
        <pc:spChg chg="mod">
          <ac:chgData name="Adam Wilson" userId="b8e2e8a2000bddc0" providerId="LiveId" clId="{515A8530-F464-4271-8D8F-E7731BC950E9}" dt="2021-09-22T08:23:52.268" v="608" actId="1076"/>
          <ac:spMkLst>
            <pc:docMk/>
            <pc:sldMk cId="4086594679" sldId="264"/>
            <ac:spMk id="30" creationId="{B7CCBC25-4853-46DC-ACEE-0B09B36C68FF}"/>
          </ac:spMkLst>
        </pc:spChg>
        <pc:spChg chg="add mod">
          <ac:chgData name="Adam Wilson" userId="b8e2e8a2000bddc0" providerId="LiveId" clId="{515A8530-F464-4271-8D8F-E7731BC950E9}" dt="2021-09-22T08:24:02.222" v="609" actId="1076"/>
          <ac:spMkLst>
            <pc:docMk/>
            <pc:sldMk cId="4086594679" sldId="264"/>
            <ac:spMk id="31" creationId="{B90A4B53-FA14-40C1-817A-A91ED18BDDA2}"/>
          </ac:spMkLst>
        </pc:spChg>
        <pc:spChg chg="add mod">
          <ac:chgData name="Adam Wilson" userId="b8e2e8a2000bddc0" providerId="LiveId" clId="{515A8530-F464-4271-8D8F-E7731BC950E9}" dt="2021-09-22T08:24:02.222" v="609" actId="1076"/>
          <ac:spMkLst>
            <pc:docMk/>
            <pc:sldMk cId="4086594679" sldId="264"/>
            <ac:spMk id="32" creationId="{8BEAA45C-0645-4C15-8632-DF1F706FBF2F}"/>
          </ac:spMkLst>
        </pc:spChg>
        <pc:picChg chg="mod">
          <ac:chgData name="Adam Wilson" userId="b8e2e8a2000bddc0" providerId="LiveId" clId="{515A8530-F464-4271-8D8F-E7731BC950E9}" dt="2021-09-22T08:24:02.222" v="609" actId="1076"/>
          <ac:picMkLst>
            <pc:docMk/>
            <pc:sldMk cId="4086594679" sldId="264"/>
            <ac:picMk id="6" creationId="{4AF79349-28D0-4967-8EE5-3909D58561CC}"/>
          </ac:picMkLst>
        </pc:picChg>
        <pc:picChg chg="add del mod">
          <ac:chgData name="Adam Wilson" userId="b8e2e8a2000bddc0" providerId="LiveId" clId="{515A8530-F464-4271-8D8F-E7731BC950E9}" dt="2021-09-22T08:36:49.308" v="610" actId="478"/>
          <ac:picMkLst>
            <pc:docMk/>
            <pc:sldMk cId="4086594679" sldId="264"/>
            <ac:picMk id="7" creationId="{08520C6E-55E0-4C55-A814-21F799178F39}"/>
          </ac:picMkLst>
        </pc:picChg>
        <pc:picChg chg="add mod">
          <ac:chgData name="Adam Wilson" userId="b8e2e8a2000bddc0" providerId="LiveId" clId="{515A8530-F464-4271-8D8F-E7731BC950E9}" dt="2021-09-22T08:23:39.979" v="607" actId="1076"/>
          <ac:picMkLst>
            <pc:docMk/>
            <pc:sldMk cId="4086594679" sldId="264"/>
            <ac:picMk id="9" creationId="{687B25A2-AC1A-4444-8FB1-BD6BA3C2F9B8}"/>
          </ac:picMkLst>
        </pc:picChg>
        <pc:picChg chg="mod">
          <ac:chgData name="Adam Wilson" userId="b8e2e8a2000bddc0" providerId="LiveId" clId="{515A8530-F464-4271-8D8F-E7731BC950E9}" dt="2021-09-22T08:23:52.268" v="608" actId="1076"/>
          <ac:picMkLst>
            <pc:docMk/>
            <pc:sldMk cId="4086594679" sldId="264"/>
            <ac:picMk id="10" creationId="{4FE2B1EF-3430-4B3E-ACD4-F574B2F0CBC1}"/>
          </ac:picMkLst>
        </pc:picChg>
        <pc:picChg chg="add mod">
          <ac:chgData name="Adam Wilson" userId="b8e2e8a2000bddc0" providerId="LiveId" clId="{515A8530-F464-4271-8D8F-E7731BC950E9}" dt="2021-09-22T08:14:56.784" v="464" actId="1076"/>
          <ac:picMkLst>
            <pc:docMk/>
            <pc:sldMk cId="4086594679" sldId="264"/>
            <ac:picMk id="18" creationId="{EF9EFAEB-1E0C-43A8-BFFA-757EE72F5E26}"/>
          </ac:picMkLst>
        </pc:picChg>
        <pc:picChg chg="add mod">
          <ac:chgData name="Adam Wilson" userId="b8e2e8a2000bddc0" providerId="LiveId" clId="{515A8530-F464-4271-8D8F-E7731BC950E9}" dt="2021-09-22T08:15:04.480" v="466" actId="1076"/>
          <ac:picMkLst>
            <pc:docMk/>
            <pc:sldMk cId="4086594679" sldId="264"/>
            <ac:picMk id="1026" creationId="{79ADC198-C680-4AE2-8178-723E9AE4A952}"/>
          </ac:picMkLst>
        </pc:picChg>
        <pc:cxnChg chg="mod">
          <ac:chgData name="Adam Wilson" userId="b8e2e8a2000bddc0" providerId="LiveId" clId="{515A8530-F464-4271-8D8F-E7731BC950E9}" dt="2021-09-22T08:23:52.268" v="608" actId="1076"/>
          <ac:cxnSpMkLst>
            <pc:docMk/>
            <pc:sldMk cId="4086594679" sldId="264"/>
            <ac:cxnSpMk id="12" creationId="{D7C359C9-C283-41F5-A7A9-242B45DD19FD}"/>
          </ac:cxnSpMkLst>
        </pc:cxnChg>
        <pc:cxnChg chg="mod">
          <ac:chgData name="Adam Wilson" userId="b8e2e8a2000bddc0" providerId="LiveId" clId="{515A8530-F464-4271-8D8F-E7731BC950E9}" dt="2021-09-22T08:23:52.268" v="608" actId="1076"/>
          <ac:cxnSpMkLst>
            <pc:docMk/>
            <pc:sldMk cId="4086594679" sldId="264"/>
            <ac:cxnSpMk id="13" creationId="{6D261A0E-2986-4932-AAD5-5C10D58FE326}"/>
          </ac:cxnSpMkLst>
        </pc:cxnChg>
        <pc:cxnChg chg="add mod">
          <ac:chgData name="Adam Wilson" userId="b8e2e8a2000bddc0" providerId="LiveId" clId="{515A8530-F464-4271-8D8F-E7731BC950E9}" dt="2021-09-22T08:23:39.979" v="607" actId="1076"/>
          <ac:cxnSpMkLst>
            <pc:docMk/>
            <pc:sldMk cId="4086594679" sldId="264"/>
            <ac:cxnSpMk id="19" creationId="{6F1E0455-15F8-4D91-A3A5-241079B40978}"/>
          </ac:cxnSpMkLst>
        </pc:cxnChg>
        <pc:cxnChg chg="add mod">
          <ac:chgData name="Adam Wilson" userId="b8e2e8a2000bddc0" providerId="LiveId" clId="{515A8530-F464-4271-8D8F-E7731BC950E9}" dt="2021-09-22T08:23:39.979" v="607" actId="1076"/>
          <ac:cxnSpMkLst>
            <pc:docMk/>
            <pc:sldMk cId="4086594679" sldId="264"/>
            <ac:cxnSpMk id="20" creationId="{D85A160E-5008-47C3-83CC-D6AE09B7DAAA}"/>
          </ac:cxnSpMkLst>
        </pc:cxnChg>
        <pc:cxnChg chg="add mod">
          <ac:chgData name="Adam Wilson" userId="b8e2e8a2000bddc0" providerId="LiveId" clId="{515A8530-F464-4271-8D8F-E7731BC950E9}" dt="2021-09-22T08:23:39.979" v="607" actId="1076"/>
          <ac:cxnSpMkLst>
            <pc:docMk/>
            <pc:sldMk cId="4086594679" sldId="264"/>
            <ac:cxnSpMk id="21" creationId="{0D4F0F62-68D0-4D8D-A4B7-3CA34C5440EE}"/>
          </ac:cxnSpMkLst>
        </pc:cxnChg>
        <pc:cxnChg chg="add mod">
          <ac:chgData name="Adam Wilson" userId="b8e2e8a2000bddc0" providerId="LiveId" clId="{515A8530-F464-4271-8D8F-E7731BC950E9}" dt="2021-09-22T08:24:02.222" v="609" actId="1076"/>
          <ac:cxnSpMkLst>
            <pc:docMk/>
            <pc:sldMk cId="4086594679" sldId="264"/>
            <ac:cxnSpMk id="22" creationId="{A54E53C9-B45C-44E0-BB9B-7DAFFC65B00D}"/>
          </ac:cxnSpMkLst>
        </pc:cxnChg>
        <pc:cxnChg chg="add mod">
          <ac:chgData name="Adam Wilson" userId="b8e2e8a2000bddc0" providerId="LiveId" clId="{515A8530-F464-4271-8D8F-E7731BC950E9}" dt="2021-09-22T08:24:02.222" v="609" actId="1076"/>
          <ac:cxnSpMkLst>
            <pc:docMk/>
            <pc:sldMk cId="4086594679" sldId="264"/>
            <ac:cxnSpMk id="23" creationId="{8DB5F0BF-36CE-4218-8B7D-CD3704184C0C}"/>
          </ac:cxnSpMkLst>
        </pc:cxnChg>
        <pc:cxnChg chg="mod">
          <ac:chgData name="Adam Wilson" userId="b8e2e8a2000bddc0" providerId="LiveId" clId="{515A8530-F464-4271-8D8F-E7731BC950E9}" dt="2021-09-22T08:23:52.268" v="608" actId="1076"/>
          <ac:cxnSpMkLst>
            <pc:docMk/>
            <pc:sldMk cId="4086594679" sldId="264"/>
            <ac:cxnSpMk id="24" creationId="{14B8E136-0477-43FA-84B0-1870584E202D}"/>
          </ac:cxnSpMkLst>
        </pc:cxnChg>
      </pc:sldChg>
      <pc:sldChg chg="delSp del mod">
        <pc:chgData name="Adam Wilson" userId="b8e2e8a2000bddc0" providerId="LiveId" clId="{515A8530-F464-4271-8D8F-E7731BC950E9}" dt="2021-09-27T13:04:05.572" v="1253" actId="47"/>
        <pc:sldMkLst>
          <pc:docMk/>
          <pc:sldMk cId="1485270346" sldId="265"/>
        </pc:sldMkLst>
        <pc:picChg chg="del">
          <ac:chgData name="Adam Wilson" userId="b8e2e8a2000bddc0" providerId="LiveId" clId="{515A8530-F464-4271-8D8F-E7731BC950E9}" dt="2021-09-22T08:50:03.206" v="789" actId="21"/>
          <ac:picMkLst>
            <pc:docMk/>
            <pc:sldMk cId="1485270346" sldId="265"/>
            <ac:picMk id="12" creationId="{F4AFADF2-D446-49D9-9190-9D075E45AAEF}"/>
          </ac:picMkLst>
        </pc:picChg>
      </pc:sldChg>
      <pc:sldChg chg="del">
        <pc:chgData name="Adam Wilson" userId="b8e2e8a2000bddc0" providerId="LiveId" clId="{515A8530-F464-4271-8D8F-E7731BC950E9}" dt="2021-09-27T13:04:08.958" v="1256" actId="47"/>
        <pc:sldMkLst>
          <pc:docMk/>
          <pc:sldMk cId="3414037431" sldId="266"/>
        </pc:sldMkLst>
      </pc:sldChg>
      <pc:sldChg chg="del">
        <pc:chgData name="Adam Wilson" userId="b8e2e8a2000bddc0" providerId="LiveId" clId="{515A8530-F464-4271-8D8F-E7731BC950E9}" dt="2021-09-27T13:03:38.690" v="1247" actId="2696"/>
        <pc:sldMkLst>
          <pc:docMk/>
          <pc:sldMk cId="257638702" sldId="267"/>
        </pc:sldMkLst>
      </pc:sldChg>
      <pc:sldChg chg="addSp delSp modSp add mod">
        <pc:chgData name="Adam Wilson" userId="b8e2e8a2000bddc0" providerId="LiveId" clId="{515A8530-F464-4271-8D8F-E7731BC950E9}" dt="2021-09-27T14:27:46.981" v="1278" actId="1076"/>
        <pc:sldMkLst>
          <pc:docMk/>
          <pc:sldMk cId="2774145026" sldId="267"/>
        </pc:sldMkLst>
        <pc:spChg chg="mod">
          <ac:chgData name="Adam Wilson" userId="b8e2e8a2000bddc0" providerId="LiveId" clId="{515A8530-F464-4271-8D8F-E7731BC950E9}" dt="2021-09-27T14:27:41.679" v="1275" actId="1076"/>
          <ac:spMkLst>
            <pc:docMk/>
            <pc:sldMk cId="2774145026" sldId="267"/>
            <ac:spMk id="11" creationId="{780043AB-59CA-42A9-879E-CACB7360F7BA}"/>
          </ac:spMkLst>
        </pc:spChg>
        <pc:spChg chg="mod">
          <ac:chgData name="Adam Wilson" userId="b8e2e8a2000bddc0" providerId="LiveId" clId="{515A8530-F464-4271-8D8F-E7731BC950E9}" dt="2021-09-27T14:27:41.679" v="1275" actId="1076"/>
          <ac:spMkLst>
            <pc:docMk/>
            <pc:sldMk cId="2774145026" sldId="267"/>
            <ac:spMk id="15" creationId="{C5FAE88A-0FA8-4320-9D3B-7A0EC67C6B59}"/>
          </ac:spMkLst>
        </pc:spChg>
        <pc:spChg chg="mod">
          <ac:chgData name="Adam Wilson" userId="b8e2e8a2000bddc0" providerId="LiveId" clId="{515A8530-F464-4271-8D8F-E7731BC950E9}" dt="2021-09-27T14:27:41.679" v="1275" actId="1076"/>
          <ac:spMkLst>
            <pc:docMk/>
            <pc:sldMk cId="2774145026" sldId="267"/>
            <ac:spMk id="29" creationId="{4A76F710-8C88-4F87-B377-029E3D9D7683}"/>
          </ac:spMkLst>
        </pc:spChg>
        <pc:spChg chg="mod">
          <ac:chgData name="Adam Wilson" userId="b8e2e8a2000bddc0" providerId="LiveId" clId="{515A8530-F464-4271-8D8F-E7731BC950E9}" dt="2021-09-27T14:27:41.679" v="1275" actId="1076"/>
          <ac:spMkLst>
            <pc:docMk/>
            <pc:sldMk cId="2774145026" sldId="267"/>
            <ac:spMk id="30" creationId="{6FE1A3A3-4FFC-4A6E-B940-654A56A62998}"/>
          </ac:spMkLst>
        </pc:spChg>
        <pc:spChg chg="mod">
          <ac:chgData name="Adam Wilson" userId="b8e2e8a2000bddc0" providerId="LiveId" clId="{515A8530-F464-4271-8D8F-E7731BC950E9}" dt="2021-09-27T14:27:41.679" v="1275" actId="1076"/>
          <ac:spMkLst>
            <pc:docMk/>
            <pc:sldMk cId="2774145026" sldId="267"/>
            <ac:spMk id="52" creationId="{5A3DB758-16BC-4E2F-9B68-7266794AE557}"/>
          </ac:spMkLst>
        </pc:spChg>
        <pc:spChg chg="mod">
          <ac:chgData name="Adam Wilson" userId="b8e2e8a2000bddc0" providerId="LiveId" clId="{515A8530-F464-4271-8D8F-E7731BC950E9}" dt="2021-09-27T14:27:41.679" v="1275" actId="1076"/>
          <ac:spMkLst>
            <pc:docMk/>
            <pc:sldMk cId="2774145026" sldId="267"/>
            <ac:spMk id="53" creationId="{A75CAC67-E7FF-4270-93F1-06EC5A14F150}"/>
          </ac:spMkLst>
        </pc:spChg>
        <pc:grpChg chg="mod">
          <ac:chgData name="Adam Wilson" userId="b8e2e8a2000bddc0" providerId="LiveId" clId="{515A8530-F464-4271-8D8F-E7731BC950E9}" dt="2021-09-27T14:27:41.679" v="1275" actId="1076"/>
          <ac:grpSpMkLst>
            <pc:docMk/>
            <pc:sldMk cId="2774145026" sldId="267"/>
            <ac:grpSpMk id="32" creationId="{6A5C94C1-1BF7-49A2-ABEA-69FD157897EA}"/>
          </ac:grpSpMkLst>
        </pc:grpChg>
        <pc:grpChg chg="mod">
          <ac:chgData name="Adam Wilson" userId="b8e2e8a2000bddc0" providerId="LiveId" clId="{515A8530-F464-4271-8D8F-E7731BC950E9}" dt="2021-09-27T14:27:41.679" v="1275" actId="1076"/>
          <ac:grpSpMkLst>
            <pc:docMk/>
            <pc:sldMk cId="2774145026" sldId="267"/>
            <ac:grpSpMk id="55" creationId="{21C4C584-FD94-4FA7-B925-D5FEA7F79127}"/>
          </ac:grpSpMkLst>
        </pc:grpChg>
        <pc:picChg chg="add mod">
          <ac:chgData name="Adam Wilson" userId="b8e2e8a2000bddc0" providerId="LiveId" clId="{515A8530-F464-4271-8D8F-E7731BC950E9}" dt="2021-09-27T14:27:46.981" v="1278" actId="1076"/>
          <ac:picMkLst>
            <pc:docMk/>
            <pc:sldMk cId="2774145026" sldId="267"/>
            <ac:picMk id="5" creationId="{3E49B625-36D8-4C4F-81E3-B0A306A02951}"/>
          </ac:picMkLst>
        </pc:picChg>
        <pc:picChg chg="del">
          <ac:chgData name="Adam Wilson" userId="b8e2e8a2000bddc0" providerId="LiveId" clId="{515A8530-F464-4271-8D8F-E7731BC950E9}" dt="2021-09-27T13:03:44.823" v="1251" actId="478"/>
          <ac:picMkLst>
            <pc:docMk/>
            <pc:sldMk cId="2774145026" sldId="267"/>
            <ac:picMk id="6" creationId="{68ADBE44-5557-49FD-8609-2006733DD55A}"/>
          </ac:picMkLst>
        </pc:picChg>
        <pc:picChg chg="del">
          <ac:chgData name="Adam Wilson" userId="b8e2e8a2000bddc0" providerId="LiveId" clId="{515A8530-F464-4271-8D8F-E7731BC950E9}" dt="2021-09-27T13:03:43.689" v="1249" actId="478"/>
          <ac:picMkLst>
            <pc:docMk/>
            <pc:sldMk cId="2774145026" sldId="267"/>
            <ac:picMk id="7" creationId="{F7EE4329-02AB-4A91-A370-91E2060BBA4A}"/>
          </ac:picMkLst>
        </pc:picChg>
        <pc:picChg chg="del">
          <ac:chgData name="Adam Wilson" userId="b8e2e8a2000bddc0" providerId="LiveId" clId="{515A8530-F464-4271-8D8F-E7731BC950E9}" dt="2021-09-27T13:03:43.689" v="1249" actId="478"/>
          <ac:picMkLst>
            <pc:docMk/>
            <pc:sldMk cId="2774145026" sldId="267"/>
            <ac:picMk id="31" creationId="{CF52676E-8FE9-46D8-BE1F-DBB84741C9D4}"/>
          </ac:picMkLst>
        </pc:picChg>
        <pc:picChg chg="del">
          <ac:chgData name="Adam Wilson" userId="b8e2e8a2000bddc0" providerId="LiveId" clId="{515A8530-F464-4271-8D8F-E7731BC950E9}" dt="2021-09-27T13:03:44.517" v="1250" actId="478"/>
          <ac:picMkLst>
            <pc:docMk/>
            <pc:sldMk cId="2774145026" sldId="267"/>
            <ac:picMk id="38" creationId="{642CACDC-BE0F-47C8-AA27-5B044DBA9419}"/>
          </ac:picMkLst>
        </pc:picChg>
        <pc:cxnChg chg="mod">
          <ac:chgData name="Adam Wilson" userId="b8e2e8a2000bddc0" providerId="LiveId" clId="{515A8530-F464-4271-8D8F-E7731BC950E9}" dt="2021-09-27T14:27:41.679" v="1275" actId="1076"/>
          <ac:cxnSpMkLst>
            <pc:docMk/>
            <pc:sldMk cId="2774145026" sldId="267"/>
            <ac:cxnSpMk id="9" creationId="{AD343A3B-55D3-49A9-8A6B-05605979D3D0}"/>
          </ac:cxnSpMkLst>
        </pc:cxnChg>
        <pc:cxnChg chg="mod">
          <ac:chgData name="Adam Wilson" userId="b8e2e8a2000bddc0" providerId="LiveId" clId="{515A8530-F464-4271-8D8F-E7731BC950E9}" dt="2021-09-27T14:27:41.679" v="1275" actId="1076"/>
          <ac:cxnSpMkLst>
            <pc:docMk/>
            <pc:sldMk cId="2774145026" sldId="267"/>
            <ac:cxnSpMk id="18" creationId="{6D524E17-D0E0-4F59-9E60-BE8AF7DD87D5}"/>
          </ac:cxnSpMkLst>
        </pc:cxnChg>
        <pc:cxnChg chg="mod">
          <ac:chgData name="Adam Wilson" userId="b8e2e8a2000bddc0" providerId="LiveId" clId="{515A8530-F464-4271-8D8F-E7731BC950E9}" dt="2021-09-27T14:27:41.679" v="1275" actId="1076"/>
          <ac:cxnSpMkLst>
            <pc:docMk/>
            <pc:sldMk cId="2774145026" sldId="267"/>
            <ac:cxnSpMk id="27" creationId="{BB43EBCC-6CA2-4100-B05F-EE70483A01E7}"/>
          </ac:cxnSpMkLst>
        </pc:cxnChg>
        <pc:cxnChg chg="mod">
          <ac:chgData name="Adam Wilson" userId="b8e2e8a2000bddc0" providerId="LiveId" clId="{515A8530-F464-4271-8D8F-E7731BC950E9}" dt="2021-09-27T14:27:41.679" v="1275" actId="1076"/>
          <ac:cxnSpMkLst>
            <pc:docMk/>
            <pc:sldMk cId="2774145026" sldId="267"/>
            <ac:cxnSpMk id="28" creationId="{30EE7ED9-B1EE-486E-9C2A-1202693C0637}"/>
          </ac:cxnSpMkLst>
        </pc:cxnChg>
        <pc:cxnChg chg="mod">
          <ac:chgData name="Adam Wilson" userId="b8e2e8a2000bddc0" providerId="LiveId" clId="{515A8530-F464-4271-8D8F-E7731BC950E9}" dt="2021-09-27T14:27:41.679" v="1275" actId="1076"/>
          <ac:cxnSpMkLst>
            <pc:docMk/>
            <pc:sldMk cId="2774145026" sldId="267"/>
            <ac:cxnSpMk id="40" creationId="{D7B60CE0-8AE3-4246-9707-E714B8AEE7E0}"/>
          </ac:cxnSpMkLst>
        </pc:cxnChg>
        <pc:cxnChg chg="mod">
          <ac:chgData name="Adam Wilson" userId="b8e2e8a2000bddc0" providerId="LiveId" clId="{515A8530-F464-4271-8D8F-E7731BC950E9}" dt="2021-09-27T14:27:41.679" v="1275" actId="1076"/>
          <ac:cxnSpMkLst>
            <pc:docMk/>
            <pc:sldMk cId="2774145026" sldId="267"/>
            <ac:cxnSpMk id="42" creationId="{14625893-96C2-4F2F-A6AC-BCB645FD208F}"/>
          </ac:cxnSpMkLst>
        </pc:cxnChg>
        <pc:cxnChg chg="mod">
          <ac:chgData name="Adam Wilson" userId="b8e2e8a2000bddc0" providerId="LiveId" clId="{515A8530-F464-4271-8D8F-E7731BC950E9}" dt="2021-09-27T14:27:41.679" v="1275" actId="1076"/>
          <ac:cxnSpMkLst>
            <pc:docMk/>
            <pc:sldMk cId="2774145026" sldId="267"/>
            <ac:cxnSpMk id="54" creationId="{8D90CD55-40D4-4BED-A2AF-DE6F4CE007A8}"/>
          </ac:cxnSpMkLst>
        </pc:cxnChg>
        <pc:cxnChg chg="mod">
          <ac:chgData name="Adam Wilson" userId="b8e2e8a2000bddc0" providerId="LiveId" clId="{515A8530-F464-4271-8D8F-E7731BC950E9}" dt="2021-09-27T14:27:41.679" v="1275" actId="1076"/>
          <ac:cxnSpMkLst>
            <pc:docMk/>
            <pc:sldMk cId="2774145026" sldId="267"/>
            <ac:cxnSpMk id="58" creationId="{2E825930-288E-4476-A17C-922AB8EB4BFB}"/>
          </ac:cxnSpMkLst>
        </pc:cxnChg>
        <pc:cxnChg chg="mod">
          <ac:chgData name="Adam Wilson" userId="b8e2e8a2000bddc0" providerId="LiveId" clId="{515A8530-F464-4271-8D8F-E7731BC950E9}" dt="2021-09-27T14:27:41.679" v="1275" actId="1076"/>
          <ac:cxnSpMkLst>
            <pc:docMk/>
            <pc:sldMk cId="2774145026" sldId="267"/>
            <ac:cxnSpMk id="59" creationId="{BD43B6E9-86C0-42BC-9581-2D9CAB7FB8EF}"/>
          </ac:cxnSpMkLst>
        </pc:cxnChg>
      </pc:sldChg>
      <pc:sldChg chg="delSp modSp mod ord">
        <pc:chgData name="Adam Wilson" userId="b8e2e8a2000bddc0" providerId="LiveId" clId="{515A8530-F464-4271-8D8F-E7731BC950E9}" dt="2021-09-27T13:03:19.884" v="1245"/>
        <pc:sldMkLst>
          <pc:docMk/>
          <pc:sldMk cId="2381234660" sldId="268"/>
        </pc:sldMkLst>
        <pc:spChg chg="mod">
          <ac:chgData name="Adam Wilson" userId="b8e2e8a2000bddc0" providerId="LiveId" clId="{515A8530-F464-4271-8D8F-E7731BC950E9}" dt="2021-09-27T13:03:12.966" v="1239" actId="20577"/>
          <ac:spMkLst>
            <pc:docMk/>
            <pc:sldMk cId="2381234660" sldId="268"/>
            <ac:spMk id="2" creationId="{D2A45C41-C10A-447A-8A14-E0622B468406}"/>
          </ac:spMkLst>
        </pc:spChg>
        <pc:spChg chg="mod">
          <ac:chgData name="Adam Wilson" userId="b8e2e8a2000bddc0" providerId="LiveId" clId="{515A8530-F464-4271-8D8F-E7731BC950E9}" dt="2021-09-27T13:03:09.659" v="1229" actId="1076"/>
          <ac:spMkLst>
            <pc:docMk/>
            <pc:sldMk cId="2381234660" sldId="268"/>
            <ac:spMk id="11" creationId="{780043AB-59CA-42A9-879E-CACB7360F7BA}"/>
          </ac:spMkLst>
        </pc:spChg>
        <pc:spChg chg="mod">
          <ac:chgData name="Adam Wilson" userId="b8e2e8a2000bddc0" providerId="LiveId" clId="{515A8530-F464-4271-8D8F-E7731BC950E9}" dt="2021-09-27T13:03:09.659" v="1229" actId="1076"/>
          <ac:spMkLst>
            <pc:docMk/>
            <pc:sldMk cId="2381234660" sldId="268"/>
            <ac:spMk id="12" creationId="{4469EFA7-F453-4FB1-9B2E-5B8D6E4E4A4C}"/>
          </ac:spMkLst>
        </pc:spChg>
        <pc:spChg chg="mod">
          <ac:chgData name="Adam Wilson" userId="b8e2e8a2000bddc0" providerId="LiveId" clId="{515A8530-F464-4271-8D8F-E7731BC950E9}" dt="2021-09-27T13:03:09.659" v="1229" actId="1076"/>
          <ac:spMkLst>
            <pc:docMk/>
            <pc:sldMk cId="2381234660" sldId="268"/>
            <ac:spMk id="15" creationId="{C5FAE88A-0FA8-4320-9D3B-7A0EC67C6B59}"/>
          </ac:spMkLst>
        </pc:spChg>
        <pc:spChg chg="mod">
          <ac:chgData name="Adam Wilson" userId="b8e2e8a2000bddc0" providerId="LiveId" clId="{515A8530-F464-4271-8D8F-E7731BC950E9}" dt="2021-09-27T13:03:09.659" v="1229" actId="1076"/>
          <ac:spMkLst>
            <pc:docMk/>
            <pc:sldMk cId="2381234660" sldId="268"/>
            <ac:spMk id="36" creationId="{4BB586FA-7320-4978-8CF8-4C89E36D9586}"/>
          </ac:spMkLst>
        </pc:spChg>
        <pc:spChg chg="mod">
          <ac:chgData name="Adam Wilson" userId="b8e2e8a2000bddc0" providerId="LiveId" clId="{515A8530-F464-4271-8D8F-E7731BC950E9}" dt="2021-09-27T13:03:09.659" v="1229" actId="1076"/>
          <ac:spMkLst>
            <pc:docMk/>
            <pc:sldMk cId="2381234660" sldId="268"/>
            <ac:spMk id="52" creationId="{5A3DB758-16BC-4E2F-9B68-7266794AE557}"/>
          </ac:spMkLst>
        </pc:spChg>
        <pc:spChg chg="mod">
          <ac:chgData name="Adam Wilson" userId="b8e2e8a2000bddc0" providerId="LiveId" clId="{515A8530-F464-4271-8D8F-E7731BC950E9}" dt="2021-09-27T13:03:09.659" v="1229" actId="1076"/>
          <ac:spMkLst>
            <pc:docMk/>
            <pc:sldMk cId="2381234660" sldId="268"/>
            <ac:spMk id="53" creationId="{A75CAC67-E7FF-4270-93F1-06EC5A14F150}"/>
          </ac:spMkLst>
        </pc:spChg>
        <pc:grpChg chg="mod">
          <ac:chgData name="Adam Wilson" userId="b8e2e8a2000bddc0" providerId="LiveId" clId="{515A8530-F464-4271-8D8F-E7731BC950E9}" dt="2021-09-27T13:03:09.659" v="1229" actId="1076"/>
          <ac:grpSpMkLst>
            <pc:docMk/>
            <pc:sldMk cId="2381234660" sldId="268"/>
            <ac:grpSpMk id="25" creationId="{7084D78D-2ACD-42C3-9486-0EC55CE4F0A0}"/>
          </ac:grpSpMkLst>
        </pc:grpChg>
        <pc:grpChg chg="mod">
          <ac:chgData name="Adam Wilson" userId="b8e2e8a2000bddc0" providerId="LiveId" clId="{515A8530-F464-4271-8D8F-E7731BC950E9}" dt="2021-09-27T13:03:09.659" v="1229" actId="1076"/>
          <ac:grpSpMkLst>
            <pc:docMk/>
            <pc:sldMk cId="2381234660" sldId="268"/>
            <ac:grpSpMk id="32" creationId="{6A5C94C1-1BF7-49A2-ABEA-69FD157897EA}"/>
          </ac:grpSpMkLst>
        </pc:grpChg>
        <pc:picChg chg="del">
          <ac:chgData name="Adam Wilson" userId="b8e2e8a2000bddc0" providerId="LiveId" clId="{515A8530-F464-4271-8D8F-E7731BC950E9}" dt="2021-09-27T13:03:05.596" v="1228" actId="478"/>
          <ac:picMkLst>
            <pc:docMk/>
            <pc:sldMk cId="2381234660" sldId="268"/>
            <ac:picMk id="5" creationId="{5901DA69-B71F-4B78-A6EC-7B08828D4119}"/>
          </ac:picMkLst>
        </pc:pic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6" creationId="{0002391B-648A-4E01-9229-95B734DA299D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8" creationId="{3C045182-D6D8-48D4-B919-590F929B3C1F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9" creationId="{AD343A3B-55D3-49A9-8A6B-05605979D3D0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18" creationId="{6D524E17-D0E0-4F59-9E60-BE8AF7DD87D5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24" creationId="{3BCE831C-5176-4077-B2D2-389CB71C178B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28" creationId="{F4FDEEAE-B8BB-4394-A9E8-620C324FB862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29" creationId="{048CBA34-EF5A-45BD-906E-00636BD6E34D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30" creationId="{95BB8105-8FDE-4C71-BD6D-E374BD2D3D42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35" creationId="{7242AAD2-A5DF-4F2B-AF41-D99407A84DEF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40" creationId="{D7B60CE0-8AE3-4246-9707-E714B8AEE7E0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42" creationId="{14625893-96C2-4F2F-A6AC-BCB645FD208F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58" creationId="{2E825930-288E-4476-A17C-922AB8EB4BFB}"/>
          </ac:cxnSpMkLst>
        </pc:cxnChg>
        <pc:cxnChg chg="mod">
          <ac:chgData name="Adam Wilson" userId="b8e2e8a2000bddc0" providerId="LiveId" clId="{515A8530-F464-4271-8D8F-E7731BC950E9}" dt="2021-09-27T13:03:09.659" v="1229" actId="1076"/>
          <ac:cxnSpMkLst>
            <pc:docMk/>
            <pc:sldMk cId="2381234660" sldId="268"/>
            <ac:cxnSpMk id="59" creationId="{BD43B6E9-86C0-42BC-9581-2D9CAB7FB8EF}"/>
          </ac:cxnSpMkLst>
        </pc:cxnChg>
      </pc:sldChg>
      <pc:sldChg chg="del">
        <pc:chgData name="Adam Wilson" userId="b8e2e8a2000bddc0" providerId="LiveId" clId="{515A8530-F464-4271-8D8F-E7731BC950E9}" dt="2021-09-27T13:04:10.374" v="1257" actId="47"/>
        <pc:sldMkLst>
          <pc:docMk/>
          <pc:sldMk cId="2281234997" sldId="269"/>
        </pc:sldMkLst>
      </pc:sldChg>
      <pc:sldChg chg="del">
        <pc:chgData name="Adam Wilson" userId="b8e2e8a2000bddc0" providerId="LiveId" clId="{515A8530-F464-4271-8D8F-E7731BC950E9}" dt="2021-09-27T13:04:11.722" v="1258" actId="47"/>
        <pc:sldMkLst>
          <pc:docMk/>
          <pc:sldMk cId="3655679427" sldId="270"/>
        </pc:sldMkLst>
      </pc:sldChg>
      <pc:sldChg chg="delSp del mod">
        <pc:chgData name="Adam Wilson" userId="b8e2e8a2000bddc0" providerId="LiveId" clId="{515A8530-F464-4271-8D8F-E7731BC950E9}" dt="2021-09-27T13:04:12.280" v="1259" actId="47"/>
        <pc:sldMkLst>
          <pc:docMk/>
          <pc:sldMk cId="2242779116" sldId="271"/>
        </pc:sldMkLst>
        <pc:picChg chg="del">
          <ac:chgData name="Adam Wilson" userId="b8e2e8a2000bddc0" providerId="LiveId" clId="{515A8530-F464-4271-8D8F-E7731BC950E9}" dt="2021-09-27T13:02:29.870" v="1215" actId="21"/>
          <ac:picMkLst>
            <pc:docMk/>
            <pc:sldMk cId="2242779116" sldId="271"/>
            <ac:picMk id="6" creationId="{84E28072-807C-401A-9B11-D7330222DEA7}"/>
          </ac:picMkLst>
        </pc:picChg>
        <pc:picChg chg="del">
          <ac:chgData name="Adam Wilson" userId="b8e2e8a2000bddc0" providerId="LiveId" clId="{515A8530-F464-4271-8D8F-E7731BC950E9}" dt="2021-09-27T13:02:29.870" v="1215" actId="21"/>
          <ac:picMkLst>
            <pc:docMk/>
            <pc:sldMk cId="2242779116" sldId="271"/>
            <ac:picMk id="8" creationId="{5D8882A6-E8E5-493A-AFD9-82FD974150BA}"/>
          </ac:picMkLst>
        </pc:picChg>
        <pc:picChg chg="del">
          <ac:chgData name="Adam Wilson" userId="b8e2e8a2000bddc0" providerId="LiveId" clId="{515A8530-F464-4271-8D8F-E7731BC950E9}" dt="2021-09-27T13:02:29.870" v="1215" actId="21"/>
          <ac:picMkLst>
            <pc:docMk/>
            <pc:sldMk cId="2242779116" sldId="271"/>
            <ac:picMk id="14" creationId="{7CF704FC-B287-4A13-819F-B7336C9CD5C4}"/>
          </ac:picMkLst>
        </pc:picChg>
      </pc:sldChg>
      <pc:sldChg chg="del">
        <pc:chgData name="Adam Wilson" userId="b8e2e8a2000bddc0" providerId="LiveId" clId="{515A8530-F464-4271-8D8F-E7731BC950E9}" dt="2021-09-27T13:04:23.758" v="1260" actId="47"/>
        <pc:sldMkLst>
          <pc:docMk/>
          <pc:sldMk cId="4054730534" sldId="275"/>
        </pc:sldMkLst>
      </pc:sldChg>
      <pc:sldChg chg="del">
        <pc:chgData name="Adam Wilson" userId="b8e2e8a2000bddc0" providerId="LiveId" clId="{515A8530-F464-4271-8D8F-E7731BC950E9}" dt="2021-09-27T13:04:24.545" v="1261" actId="47"/>
        <pc:sldMkLst>
          <pc:docMk/>
          <pc:sldMk cId="424491601" sldId="276"/>
        </pc:sldMkLst>
      </pc:sldChg>
      <pc:sldChg chg="ord">
        <pc:chgData name="Adam Wilson" userId="b8e2e8a2000bddc0" providerId="LiveId" clId="{515A8530-F464-4271-8D8F-E7731BC950E9}" dt="2021-09-27T13:04:52.595" v="1263"/>
        <pc:sldMkLst>
          <pc:docMk/>
          <pc:sldMk cId="194669743" sldId="277"/>
        </pc:sldMkLst>
      </pc:sldChg>
      <pc:sldChg chg="addSp delSp mod">
        <pc:chgData name="Adam Wilson" userId="b8e2e8a2000bddc0" providerId="LiveId" clId="{515A8530-F464-4271-8D8F-E7731BC950E9}" dt="2021-09-29T06:54:10.059" v="1302" actId="478"/>
        <pc:sldMkLst>
          <pc:docMk/>
          <pc:sldMk cId="3989207433" sldId="279"/>
        </pc:sldMkLst>
        <pc:inkChg chg="add del">
          <ac:chgData name="Adam Wilson" userId="b8e2e8a2000bddc0" providerId="LiveId" clId="{515A8530-F464-4271-8D8F-E7731BC950E9}" dt="2021-09-29T06:54:10.059" v="1302" actId="478"/>
          <ac:inkMkLst>
            <pc:docMk/>
            <pc:sldMk cId="3989207433" sldId="279"/>
            <ac:inkMk id="2" creationId="{43BCF862-B736-47DA-9B9B-306BFE4515B4}"/>
          </ac:inkMkLst>
        </pc:inkChg>
      </pc:sldChg>
      <pc:sldChg chg="del">
        <pc:chgData name="Adam Wilson" userId="b8e2e8a2000bddc0" providerId="LiveId" clId="{515A8530-F464-4271-8D8F-E7731BC950E9}" dt="2021-09-27T13:04:08.271" v="1255" actId="47"/>
        <pc:sldMkLst>
          <pc:docMk/>
          <pc:sldMk cId="3346646648" sldId="280"/>
        </pc:sldMkLst>
      </pc:sldChg>
      <pc:sldChg chg="del">
        <pc:chgData name="Adam Wilson" userId="b8e2e8a2000bddc0" providerId="LiveId" clId="{515A8530-F464-4271-8D8F-E7731BC950E9}" dt="2021-09-27T13:05:06.548" v="1267" actId="47"/>
        <pc:sldMkLst>
          <pc:docMk/>
          <pc:sldMk cId="2533163221" sldId="281"/>
        </pc:sldMkLst>
      </pc:sldChg>
      <pc:sldChg chg="del">
        <pc:chgData name="Adam Wilson" userId="b8e2e8a2000bddc0" providerId="LiveId" clId="{515A8530-F464-4271-8D8F-E7731BC950E9}" dt="2021-09-27T13:04:55.368" v="1264" actId="47"/>
        <pc:sldMkLst>
          <pc:docMk/>
          <pc:sldMk cId="3530410845" sldId="284"/>
        </pc:sldMkLst>
      </pc:sldChg>
      <pc:sldChg chg="addSp delSp modSp mod">
        <pc:chgData name="Adam Wilson" userId="b8e2e8a2000bddc0" providerId="LiveId" clId="{515A8530-F464-4271-8D8F-E7731BC950E9}" dt="2021-09-29T06:54:03.397" v="1301" actId="478"/>
        <pc:sldMkLst>
          <pc:docMk/>
          <pc:sldMk cId="3446533355" sldId="286"/>
        </pc:sldMkLst>
        <pc:picChg chg="mod">
          <ac:chgData name="Adam Wilson" userId="b8e2e8a2000bddc0" providerId="LiveId" clId="{515A8530-F464-4271-8D8F-E7731BC950E9}" dt="2021-09-29T06:53:59.715" v="1300" actId="1076"/>
          <ac:picMkLst>
            <pc:docMk/>
            <pc:sldMk cId="3446533355" sldId="286"/>
            <ac:picMk id="6" creationId="{90A1D36E-BC1B-46B1-A438-CD4F6145DD6A}"/>
          </ac:picMkLst>
        </pc:picChg>
        <pc:inkChg chg="add del">
          <ac:chgData name="Adam Wilson" userId="b8e2e8a2000bddc0" providerId="LiveId" clId="{515A8530-F464-4271-8D8F-E7731BC950E9}" dt="2021-09-29T06:54:03.397" v="1301" actId="478"/>
          <ac:inkMkLst>
            <pc:docMk/>
            <pc:sldMk cId="3446533355" sldId="286"/>
            <ac:inkMk id="2" creationId="{51CEA454-455D-4CB2-8395-80C274D4194B}"/>
          </ac:inkMkLst>
        </pc:inkChg>
      </pc:sldChg>
      <pc:sldChg chg="del">
        <pc:chgData name="Adam Wilson" userId="b8e2e8a2000bddc0" providerId="LiveId" clId="{515A8530-F464-4271-8D8F-E7731BC950E9}" dt="2021-09-27T13:04:55.666" v="1265" actId="47"/>
        <pc:sldMkLst>
          <pc:docMk/>
          <pc:sldMk cId="1399307131" sldId="287"/>
        </pc:sldMkLst>
      </pc:sldChg>
      <pc:sldChg chg="del">
        <pc:chgData name="Adam Wilson" userId="b8e2e8a2000bddc0" providerId="LiveId" clId="{515A8530-F464-4271-8D8F-E7731BC950E9}" dt="2021-09-27T13:04:07.626" v="1254" actId="47"/>
        <pc:sldMkLst>
          <pc:docMk/>
          <pc:sldMk cId="1293462902" sldId="289"/>
        </pc:sldMkLst>
      </pc:sldChg>
      <pc:sldChg chg="del">
        <pc:chgData name="Adam Wilson" userId="b8e2e8a2000bddc0" providerId="LiveId" clId="{515A8530-F464-4271-8D8F-E7731BC950E9}" dt="2021-09-27T13:05:06.097" v="1266" actId="47"/>
        <pc:sldMkLst>
          <pc:docMk/>
          <pc:sldMk cId="89201661" sldId="290"/>
        </pc:sldMkLst>
      </pc:sldChg>
      <pc:sldChg chg="modSp new del mod ord">
        <pc:chgData name="Adam Wilson" userId="b8e2e8a2000bddc0" providerId="LiveId" clId="{515A8530-F464-4271-8D8F-E7731BC950E9}" dt="2021-09-27T14:29:09.629" v="1296" actId="47"/>
        <pc:sldMkLst>
          <pc:docMk/>
          <pc:sldMk cId="442440410" sldId="291"/>
        </pc:sldMkLst>
        <pc:spChg chg="mod">
          <ac:chgData name="Adam Wilson" userId="b8e2e8a2000bddc0" providerId="LiveId" clId="{515A8530-F464-4271-8D8F-E7731BC950E9}" dt="2021-09-22T07:46:44.540" v="152" actId="20577"/>
          <ac:spMkLst>
            <pc:docMk/>
            <pc:sldMk cId="442440410" sldId="291"/>
            <ac:spMk id="3" creationId="{6E991D19-845C-409B-9EAC-164C6AF29715}"/>
          </ac:spMkLst>
        </pc:spChg>
      </pc:sldChg>
      <pc:sldChg chg="new del">
        <pc:chgData name="Adam Wilson" userId="b8e2e8a2000bddc0" providerId="LiveId" clId="{515A8530-F464-4271-8D8F-E7731BC950E9}" dt="2021-09-22T07:46:11.105" v="1" actId="47"/>
        <pc:sldMkLst>
          <pc:docMk/>
          <pc:sldMk cId="1155751683" sldId="291"/>
        </pc:sldMkLst>
      </pc:sldChg>
      <pc:sldChg chg="addSp delSp modSp new mod">
        <pc:chgData name="Adam Wilson" userId="b8e2e8a2000bddc0" providerId="LiveId" clId="{515A8530-F464-4271-8D8F-E7731BC950E9}" dt="2021-09-22T07:55:32.597" v="390" actId="14100"/>
        <pc:sldMkLst>
          <pc:docMk/>
          <pc:sldMk cId="1968539658" sldId="292"/>
        </pc:sldMkLst>
        <pc:spChg chg="mod">
          <ac:chgData name="Adam Wilson" userId="b8e2e8a2000bddc0" providerId="LiveId" clId="{515A8530-F464-4271-8D8F-E7731BC950E9}" dt="2021-09-22T07:49:11.281" v="185" actId="20577"/>
          <ac:spMkLst>
            <pc:docMk/>
            <pc:sldMk cId="1968539658" sldId="292"/>
            <ac:spMk id="2" creationId="{895D9303-99B1-4F14-9745-C3C22F22EE7A}"/>
          </ac:spMkLst>
        </pc:spChg>
        <pc:spChg chg="mod">
          <ac:chgData name="Adam Wilson" userId="b8e2e8a2000bddc0" providerId="LiveId" clId="{515A8530-F464-4271-8D8F-E7731BC950E9}" dt="2021-09-22T07:50:06.911" v="273" actId="1076"/>
          <ac:spMkLst>
            <pc:docMk/>
            <pc:sldMk cId="1968539658" sldId="292"/>
            <ac:spMk id="3" creationId="{D49DA69E-8F6A-4E2E-A3CD-D3906B421D1A}"/>
          </ac:spMkLst>
        </pc:spChg>
        <pc:spChg chg="add mod">
          <ac:chgData name="Adam Wilson" userId="b8e2e8a2000bddc0" providerId="LiveId" clId="{515A8530-F464-4271-8D8F-E7731BC950E9}" dt="2021-09-22T07:50:35.286" v="275" actId="1076"/>
          <ac:spMkLst>
            <pc:docMk/>
            <pc:sldMk cId="1968539658" sldId="292"/>
            <ac:spMk id="5" creationId="{AF67D9F9-0FEE-4138-97D5-EEFE991BF149}"/>
          </ac:spMkLst>
        </pc:spChg>
        <pc:spChg chg="add mod">
          <ac:chgData name="Adam Wilson" userId="b8e2e8a2000bddc0" providerId="LiveId" clId="{515A8530-F464-4271-8D8F-E7731BC950E9}" dt="2021-09-22T07:50:35.286" v="275" actId="1076"/>
          <ac:spMkLst>
            <pc:docMk/>
            <pc:sldMk cId="1968539658" sldId="292"/>
            <ac:spMk id="6" creationId="{098AF198-1B65-4C88-B09B-36F668C37EF5}"/>
          </ac:spMkLst>
        </pc:spChg>
        <pc:spChg chg="add del mod">
          <ac:chgData name="Adam Wilson" userId="b8e2e8a2000bddc0" providerId="LiveId" clId="{515A8530-F464-4271-8D8F-E7731BC950E9}" dt="2021-09-22T07:51:06.816" v="282" actId="478"/>
          <ac:spMkLst>
            <pc:docMk/>
            <pc:sldMk cId="1968539658" sldId="292"/>
            <ac:spMk id="11" creationId="{4F796E61-38C5-468E-8ED2-30F0AFCD70FC}"/>
          </ac:spMkLst>
        </pc:spChg>
        <pc:spChg chg="add del mod">
          <ac:chgData name="Adam Wilson" userId="b8e2e8a2000bddc0" providerId="LiveId" clId="{515A8530-F464-4271-8D8F-E7731BC950E9}" dt="2021-09-22T07:51:06.816" v="282" actId="478"/>
          <ac:spMkLst>
            <pc:docMk/>
            <pc:sldMk cId="1968539658" sldId="292"/>
            <ac:spMk id="12" creationId="{14B4FFA6-A6B6-49EA-AC15-DDC5F0A64D51}"/>
          </ac:spMkLst>
        </pc:spChg>
        <pc:spChg chg="add mod">
          <ac:chgData name="Adam Wilson" userId="b8e2e8a2000bddc0" providerId="LiveId" clId="{515A8530-F464-4271-8D8F-E7731BC950E9}" dt="2021-09-22T07:54:47.904" v="372" actId="1076"/>
          <ac:spMkLst>
            <pc:docMk/>
            <pc:sldMk cId="1968539658" sldId="292"/>
            <ac:spMk id="16" creationId="{A7C39A5F-B0D5-4514-8171-61A812B90877}"/>
          </ac:spMkLst>
        </pc:spChg>
        <pc:spChg chg="add mod">
          <ac:chgData name="Adam Wilson" userId="b8e2e8a2000bddc0" providerId="LiveId" clId="{515A8530-F464-4271-8D8F-E7731BC950E9}" dt="2021-09-22T07:54:42.927" v="371" actId="1076"/>
          <ac:spMkLst>
            <pc:docMk/>
            <pc:sldMk cId="1968539658" sldId="292"/>
            <ac:spMk id="17" creationId="{497A4756-4CEC-49A7-B7BD-74CDA5D860F6}"/>
          </ac:spMkLst>
        </pc:spChg>
        <pc:spChg chg="add del mod">
          <ac:chgData name="Adam Wilson" userId="b8e2e8a2000bddc0" providerId="LiveId" clId="{515A8530-F464-4271-8D8F-E7731BC950E9}" dt="2021-09-22T07:54:57.770" v="375" actId="478"/>
          <ac:spMkLst>
            <pc:docMk/>
            <pc:sldMk cId="1968539658" sldId="292"/>
            <ac:spMk id="18" creationId="{D8745AED-B9EB-48D1-BC03-00AA6EBA21F8}"/>
          </ac:spMkLst>
        </pc:spChg>
        <pc:grpChg chg="add mod">
          <ac:chgData name="Adam Wilson" userId="b8e2e8a2000bddc0" providerId="LiveId" clId="{515A8530-F464-4271-8D8F-E7731BC950E9}" dt="2021-09-22T07:55:14.624" v="387" actId="1076"/>
          <ac:grpSpMkLst>
            <pc:docMk/>
            <pc:sldMk cId="1968539658" sldId="292"/>
            <ac:grpSpMk id="13" creationId="{F2157139-FD54-452D-AC52-D2B512C0CD56}"/>
          </ac:grpSpMkLst>
        </pc:grpChg>
        <pc:grpChg chg="add mod">
          <ac:chgData name="Adam Wilson" userId="b8e2e8a2000bddc0" providerId="LiveId" clId="{515A8530-F464-4271-8D8F-E7731BC950E9}" dt="2021-09-22T07:55:01.374" v="377" actId="1076"/>
          <ac:grpSpMkLst>
            <pc:docMk/>
            <pc:sldMk cId="1968539658" sldId="292"/>
            <ac:grpSpMk id="19" creationId="{1B1A501B-F64F-4FE2-AD18-0F1B9AD35E24}"/>
          </ac:grpSpMkLst>
        </pc:grpChg>
        <pc:grpChg chg="add mod">
          <ac:chgData name="Adam Wilson" userId="b8e2e8a2000bddc0" providerId="LiveId" clId="{515A8530-F464-4271-8D8F-E7731BC950E9}" dt="2021-09-22T07:55:32.597" v="390" actId="14100"/>
          <ac:grpSpMkLst>
            <pc:docMk/>
            <pc:sldMk cId="1968539658" sldId="292"/>
            <ac:grpSpMk id="22" creationId="{B6378B67-35EC-4FEA-B684-90073597222E}"/>
          </ac:grpSpMkLst>
        </pc:grpChg>
        <pc:grpChg chg="add mod">
          <ac:chgData name="Adam Wilson" userId="b8e2e8a2000bddc0" providerId="LiveId" clId="{515A8530-F464-4271-8D8F-E7731BC950E9}" dt="2021-09-22T07:55:20.564" v="388" actId="1076"/>
          <ac:grpSpMkLst>
            <pc:docMk/>
            <pc:sldMk cId="1968539658" sldId="292"/>
            <ac:grpSpMk id="25" creationId="{02C8B632-38E8-4298-9B1C-F4FDC6352569}"/>
          </ac:grpSpMkLst>
        </pc:grpChg>
        <pc:grpChg chg="add mod">
          <ac:chgData name="Adam Wilson" userId="b8e2e8a2000bddc0" providerId="LiveId" clId="{515A8530-F464-4271-8D8F-E7731BC950E9}" dt="2021-09-22T07:55:07.396" v="383" actId="1076"/>
          <ac:grpSpMkLst>
            <pc:docMk/>
            <pc:sldMk cId="1968539658" sldId="292"/>
            <ac:grpSpMk id="28" creationId="{10F2F2C8-846C-441F-8DB7-2DE2BB641394}"/>
          </ac:grpSpMkLst>
        </pc:grpChg>
        <pc:grpChg chg="add mod">
          <ac:chgData name="Adam Wilson" userId="b8e2e8a2000bddc0" providerId="LiveId" clId="{515A8530-F464-4271-8D8F-E7731BC950E9}" dt="2021-09-22T07:55:09.755" v="385" actId="1076"/>
          <ac:grpSpMkLst>
            <pc:docMk/>
            <pc:sldMk cId="1968539658" sldId="292"/>
            <ac:grpSpMk id="31" creationId="{AC262A62-4079-4C66-8055-8CD5E4E837B5}"/>
          </ac:grpSpMkLst>
        </pc:grpChg>
        <pc:cxnChg chg="add mod">
          <ac:chgData name="Adam Wilson" userId="b8e2e8a2000bddc0" providerId="LiveId" clId="{515A8530-F464-4271-8D8F-E7731BC950E9}" dt="2021-09-22T07:50:35.286" v="275" actId="1076"/>
          <ac:cxnSpMkLst>
            <pc:docMk/>
            <pc:sldMk cId="1968539658" sldId="292"/>
            <ac:cxnSpMk id="7" creationId="{99FC6B9F-941B-4418-A640-C7FDDB9C79EC}"/>
          </ac:cxnSpMkLst>
        </pc:cxnChg>
        <pc:cxnChg chg="add mod">
          <ac:chgData name="Adam Wilson" userId="b8e2e8a2000bddc0" providerId="LiveId" clId="{515A8530-F464-4271-8D8F-E7731BC950E9}" dt="2021-09-22T07:50:35.286" v="275" actId="1076"/>
          <ac:cxnSpMkLst>
            <pc:docMk/>
            <pc:sldMk cId="1968539658" sldId="292"/>
            <ac:cxnSpMk id="8" creationId="{D0C5A842-8C2C-4EB7-8E49-CB766896959F}"/>
          </ac:cxnSpMkLst>
        </pc:cxnChg>
        <pc:cxnChg chg="add mod">
          <ac:chgData name="Adam Wilson" userId="b8e2e8a2000bddc0" providerId="LiveId" clId="{515A8530-F464-4271-8D8F-E7731BC950E9}" dt="2021-09-22T07:50:35.286" v="275" actId="1076"/>
          <ac:cxnSpMkLst>
            <pc:docMk/>
            <pc:sldMk cId="1968539658" sldId="292"/>
            <ac:cxnSpMk id="9" creationId="{E325F86C-CDA0-43E7-8E24-16BD83025A4C}"/>
          </ac:cxnSpMkLst>
        </pc:cxnChg>
        <pc:cxnChg chg="add mod">
          <ac:chgData name="Adam Wilson" userId="b8e2e8a2000bddc0" providerId="LiveId" clId="{515A8530-F464-4271-8D8F-E7731BC950E9}" dt="2021-09-22T07:50:35.286" v="275" actId="1076"/>
          <ac:cxnSpMkLst>
            <pc:docMk/>
            <pc:sldMk cId="1968539658" sldId="292"/>
            <ac:cxnSpMk id="10" creationId="{1FCC09E0-FF71-4049-AB83-28452C57E0D7}"/>
          </ac:cxnSpMkLst>
        </pc:cxnChg>
        <pc:cxnChg chg="mod">
          <ac:chgData name="Adam Wilson" userId="b8e2e8a2000bddc0" providerId="LiveId" clId="{515A8530-F464-4271-8D8F-E7731BC950E9}" dt="2021-09-22T07:55:14.624" v="387" actId="1076"/>
          <ac:cxnSpMkLst>
            <pc:docMk/>
            <pc:sldMk cId="1968539658" sldId="292"/>
            <ac:cxnSpMk id="14" creationId="{655E3199-3ED5-44DF-85ED-08E4BFF1A38B}"/>
          </ac:cxnSpMkLst>
        </pc:cxnChg>
        <pc:cxnChg chg="mod">
          <ac:chgData name="Adam Wilson" userId="b8e2e8a2000bddc0" providerId="LiveId" clId="{515A8530-F464-4271-8D8F-E7731BC950E9}" dt="2021-09-22T07:55:14.624" v="387" actId="1076"/>
          <ac:cxnSpMkLst>
            <pc:docMk/>
            <pc:sldMk cId="1968539658" sldId="292"/>
            <ac:cxnSpMk id="15" creationId="{B68B8732-CF3D-4A50-BF92-5AF7D09A98CD}"/>
          </ac:cxnSpMkLst>
        </pc:cxnChg>
        <pc:cxnChg chg="mod">
          <ac:chgData name="Adam Wilson" userId="b8e2e8a2000bddc0" providerId="LiveId" clId="{515A8530-F464-4271-8D8F-E7731BC950E9}" dt="2021-09-22T07:55:01.374" v="377" actId="1076"/>
          <ac:cxnSpMkLst>
            <pc:docMk/>
            <pc:sldMk cId="1968539658" sldId="292"/>
            <ac:cxnSpMk id="20" creationId="{553AA317-347F-4857-BE83-D7D16F938F5A}"/>
          </ac:cxnSpMkLst>
        </pc:cxnChg>
        <pc:cxnChg chg="mod">
          <ac:chgData name="Adam Wilson" userId="b8e2e8a2000bddc0" providerId="LiveId" clId="{515A8530-F464-4271-8D8F-E7731BC950E9}" dt="2021-09-22T07:55:01.374" v="377" actId="1076"/>
          <ac:cxnSpMkLst>
            <pc:docMk/>
            <pc:sldMk cId="1968539658" sldId="292"/>
            <ac:cxnSpMk id="21" creationId="{175C4946-D5C4-4E21-96D8-52B169521E11}"/>
          </ac:cxnSpMkLst>
        </pc:cxnChg>
        <pc:cxnChg chg="mod">
          <ac:chgData name="Adam Wilson" userId="b8e2e8a2000bddc0" providerId="LiveId" clId="{515A8530-F464-4271-8D8F-E7731BC950E9}" dt="2021-09-22T07:55:32.597" v="390" actId="14100"/>
          <ac:cxnSpMkLst>
            <pc:docMk/>
            <pc:sldMk cId="1968539658" sldId="292"/>
            <ac:cxnSpMk id="23" creationId="{89786ED4-7CE5-43FA-8314-F7F83C50F497}"/>
          </ac:cxnSpMkLst>
        </pc:cxnChg>
        <pc:cxnChg chg="mod">
          <ac:chgData name="Adam Wilson" userId="b8e2e8a2000bddc0" providerId="LiveId" clId="{515A8530-F464-4271-8D8F-E7731BC950E9}" dt="2021-09-22T07:55:32.597" v="390" actId="14100"/>
          <ac:cxnSpMkLst>
            <pc:docMk/>
            <pc:sldMk cId="1968539658" sldId="292"/>
            <ac:cxnSpMk id="24" creationId="{C5E3BC96-0CDE-4DDE-9FDF-D98880D245DD}"/>
          </ac:cxnSpMkLst>
        </pc:cxnChg>
        <pc:cxnChg chg="mod">
          <ac:chgData name="Adam Wilson" userId="b8e2e8a2000bddc0" providerId="LiveId" clId="{515A8530-F464-4271-8D8F-E7731BC950E9}" dt="2021-09-22T07:55:20.564" v="388" actId="1076"/>
          <ac:cxnSpMkLst>
            <pc:docMk/>
            <pc:sldMk cId="1968539658" sldId="292"/>
            <ac:cxnSpMk id="26" creationId="{10D372B4-5592-4F2A-AF24-3249F13CD519}"/>
          </ac:cxnSpMkLst>
        </pc:cxnChg>
        <pc:cxnChg chg="mod">
          <ac:chgData name="Adam Wilson" userId="b8e2e8a2000bddc0" providerId="LiveId" clId="{515A8530-F464-4271-8D8F-E7731BC950E9}" dt="2021-09-22T07:55:20.564" v="388" actId="1076"/>
          <ac:cxnSpMkLst>
            <pc:docMk/>
            <pc:sldMk cId="1968539658" sldId="292"/>
            <ac:cxnSpMk id="27" creationId="{5A84C045-AAAE-4BC8-B6AC-4B3431A83CB0}"/>
          </ac:cxnSpMkLst>
        </pc:cxnChg>
        <pc:cxnChg chg="mod">
          <ac:chgData name="Adam Wilson" userId="b8e2e8a2000bddc0" providerId="LiveId" clId="{515A8530-F464-4271-8D8F-E7731BC950E9}" dt="2021-09-22T07:55:07.396" v="383" actId="1076"/>
          <ac:cxnSpMkLst>
            <pc:docMk/>
            <pc:sldMk cId="1968539658" sldId="292"/>
            <ac:cxnSpMk id="29" creationId="{7EAAB3CF-EE58-4018-A299-442924D8879C}"/>
          </ac:cxnSpMkLst>
        </pc:cxnChg>
        <pc:cxnChg chg="mod">
          <ac:chgData name="Adam Wilson" userId="b8e2e8a2000bddc0" providerId="LiveId" clId="{515A8530-F464-4271-8D8F-E7731BC950E9}" dt="2021-09-22T07:55:07.396" v="383" actId="1076"/>
          <ac:cxnSpMkLst>
            <pc:docMk/>
            <pc:sldMk cId="1968539658" sldId="292"/>
            <ac:cxnSpMk id="30" creationId="{E375C9B4-D0C1-499A-A689-15B58B4A2E8A}"/>
          </ac:cxnSpMkLst>
        </pc:cxnChg>
        <pc:cxnChg chg="mod">
          <ac:chgData name="Adam Wilson" userId="b8e2e8a2000bddc0" providerId="LiveId" clId="{515A8530-F464-4271-8D8F-E7731BC950E9}" dt="2021-09-22T07:55:09.755" v="385" actId="1076"/>
          <ac:cxnSpMkLst>
            <pc:docMk/>
            <pc:sldMk cId="1968539658" sldId="292"/>
            <ac:cxnSpMk id="32" creationId="{A2A79BB2-226E-4292-9ED3-3AB83505556C}"/>
          </ac:cxnSpMkLst>
        </pc:cxnChg>
        <pc:cxnChg chg="mod">
          <ac:chgData name="Adam Wilson" userId="b8e2e8a2000bddc0" providerId="LiveId" clId="{515A8530-F464-4271-8D8F-E7731BC950E9}" dt="2021-09-22T07:55:09.755" v="385" actId="1076"/>
          <ac:cxnSpMkLst>
            <pc:docMk/>
            <pc:sldMk cId="1968539658" sldId="292"/>
            <ac:cxnSpMk id="33" creationId="{DB6B049B-8C61-4A38-A8A3-D2515C6B349D}"/>
          </ac:cxnSpMkLst>
        </pc:cxnChg>
      </pc:sldChg>
      <pc:sldChg chg="addSp delSp modSp new mod ord">
        <pc:chgData name="Adam Wilson" userId="b8e2e8a2000bddc0" providerId="LiveId" clId="{515A8530-F464-4271-8D8F-E7731BC950E9}" dt="2021-09-22T08:40:50.586" v="671"/>
        <pc:sldMkLst>
          <pc:docMk/>
          <pc:sldMk cId="4098215499" sldId="293"/>
        </pc:sldMkLst>
        <pc:spChg chg="mod">
          <ac:chgData name="Adam Wilson" userId="b8e2e8a2000bddc0" providerId="LiveId" clId="{515A8530-F464-4271-8D8F-E7731BC950E9}" dt="2021-09-22T08:39:47.766" v="669" actId="1076"/>
          <ac:spMkLst>
            <pc:docMk/>
            <pc:sldMk cId="4098215499" sldId="293"/>
            <ac:spMk id="2" creationId="{C9BCEEA5-5E86-4A33-85F2-8D7B6F4A7C99}"/>
          </ac:spMkLst>
        </pc:spChg>
        <pc:spChg chg="del mod">
          <ac:chgData name="Adam Wilson" userId="b8e2e8a2000bddc0" providerId="LiveId" clId="{515A8530-F464-4271-8D8F-E7731BC950E9}" dt="2021-09-22T08:37:25.608" v="651" actId="478"/>
          <ac:spMkLst>
            <pc:docMk/>
            <pc:sldMk cId="4098215499" sldId="293"/>
            <ac:spMk id="3" creationId="{F62C64A6-53BD-4435-8901-D946836C254F}"/>
          </ac:spMkLst>
        </pc:spChg>
        <pc:spChg chg="add mod">
          <ac:chgData name="Adam Wilson" userId="b8e2e8a2000bddc0" providerId="LiveId" clId="{515A8530-F464-4271-8D8F-E7731BC950E9}" dt="2021-09-22T08:39:33.895" v="666" actId="2711"/>
          <ac:spMkLst>
            <pc:docMk/>
            <pc:sldMk cId="4098215499" sldId="293"/>
            <ac:spMk id="5" creationId="{EF21DAE1-7B6F-45AB-8873-71CB929234A0}"/>
          </ac:spMkLst>
        </pc:spChg>
        <pc:spChg chg="add mod">
          <ac:chgData name="Adam Wilson" userId="b8e2e8a2000bddc0" providerId="LiveId" clId="{515A8530-F464-4271-8D8F-E7731BC950E9}" dt="2021-09-22T08:39:33.895" v="666" actId="2711"/>
          <ac:spMkLst>
            <pc:docMk/>
            <pc:sldMk cId="4098215499" sldId="293"/>
            <ac:spMk id="6" creationId="{ED176D69-C005-4AC5-AE5B-6720D5CC4A11}"/>
          </ac:spMkLst>
        </pc:spChg>
        <pc:spChg chg="add mod">
          <ac:chgData name="Adam Wilson" userId="b8e2e8a2000bddc0" providerId="LiveId" clId="{515A8530-F464-4271-8D8F-E7731BC950E9}" dt="2021-09-22T08:39:33.895" v="666" actId="2711"/>
          <ac:spMkLst>
            <pc:docMk/>
            <pc:sldMk cId="4098215499" sldId="293"/>
            <ac:spMk id="7" creationId="{0B551F09-BCE5-4622-BEEF-514D15631F16}"/>
          </ac:spMkLst>
        </pc:spChg>
        <pc:spChg chg="add mod">
          <ac:chgData name="Adam Wilson" userId="b8e2e8a2000bddc0" providerId="LiveId" clId="{515A8530-F464-4271-8D8F-E7731BC950E9}" dt="2021-09-22T08:39:46.330" v="668" actId="403"/>
          <ac:spMkLst>
            <pc:docMk/>
            <pc:sldMk cId="4098215499" sldId="293"/>
            <ac:spMk id="8" creationId="{C021859E-1487-4362-9760-B290631D7F61}"/>
          </ac:spMkLst>
        </pc:spChg>
      </pc:sldChg>
      <pc:sldChg chg="addSp delSp modSp new mod">
        <pc:chgData name="Adam Wilson" userId="b8e2e8a2000bddc0" providerId="LiveId" clId="{515A8530-F464-4271-8D8F-E7731BC950E9}" dt="2021-09-22T08:42:47.742" v="718" actId="20577"/>
        <pc:sldMkLst>
          <pc:docMk/>
          <pc:sldMk cId="3374335020" sldId="294"/>
        </pc:sldMkLst>
        <pc:spChg chg="mod">
          <ac:chgData name="Adam Wilson" userId="b8e2e8a2000bddc0" providerId="LiveId" clId="{515A8530-F464-4271-8D8F-E7731BC950E9}" dt="2021-09-22T08:42:47.742" v="718" actId="20577"/>
          <ac:spMkLst>
            <pc:docMk/>
            <pc:sldMk cId="3374335020" sldId="294"/>
            <ac:spMk id="2" creationId="{06083A52-10B8-4E2B-B6FC-90FA7090CDF8}"/>
          </ac:spMkLst>
        </pc:spChg>
        <pc:spChg chg="del">
          <ac:chgData name="Adam Wilson" userId="b8e2e8a2000bddc0" providerId="LiveId" clId="{515A8530-F464-4271-8D8F-E7731BC950E9}" dt="2021-09-22T08:41:26.034" v="676" actId="478"/>
          <ac:spMkLst>
            <pc:docMk/>
            <pc:sldMk cId="3374335020" sldId="294"/>
            <ac:spMk id="3" creationId="{15F097BF-6E94-46DD-BF5E-8FD30D128D16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5" creationId="{FBE56A2E-1922-4F60-866C-76BC843417D3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6" creationId="{5969C2DA-0D4F-4636-9CF8-543891ABDE83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11" creationId="{25C1D15D-7391-4D4A-A52F-4BC730D01B30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12" creationId="{BF0B6B6B-3293-4C7B-B659-55E5FD8595A9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23" creationId="{5E655A0A-456F-48C3-93D1-28C8D6E8E306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27" creationId="{0633DEE4-AC4E-41FC-B30C-D1649E487884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28" creationId="{5781B4AA-E7E1-4890-AA7B-3A8C3B586FCB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35" creationId="{082FE617-6ED7-44F2-AD6D-A9C958451FF4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36" creationId="{FBCA98F2-5DD1-478D-B4F6-696CF26C99DF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43" creationId="{3C68B410-C746-4DD0-AFB0-9C2FB02ABC9B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44" creationId="{201D3797-8320-4FB7-B992-DABB561833EF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45" creationId="{FECDD88E-EAA5-43A8-BBC0-29664513BAD6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49" creationId="{B85C0B33-DE2B-4D7C-8818-E6CDF496C819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50" creationId="{B36AABA9-FF32-48F4-839B-5EAFAF49CA62}"/>
          </ac:spMkLst>
        </pc:spChg>
        <pc:spChg chg="add mod">
          <ac:chgData name="Adam Wilson" userId="b8e2e8a2000bddc0" providerId="LiveId" clId="{515A8530-F464-4271-8D8F-E7731BC950E9}" dt="2021-09-22T08:41:29.893" v="677"/>
          <ac:spMkLst>
            <pc:docMk/>
            <pc:sldMk cId="3374335020" sldId="294"/>
            <ac:spMk id="51" creationId="{BB785C95-DCE5-4D7C-8565-BC0BBD72F29E}"/>
          </ac:spMkLst>
        </pc:spChg>
        <pc:grpChg chg="add mod">
          <ac:chgData name="Adam Wilson" userId="b8e2e8a2000bddc0" providerId="LiveId" clId="{515A8530-F464-4271-8D8F-E7731BC950E9}" dt="2021-09-22T08:41:29.893" v="677"/>
          <ac:grpSpMkLst>
            <pc:docMk/>
            <pc:sldMk cId="3374335020" sldId="294"/>
            <ac:grpSpMk id="13" creationId="{129ADDDF-0AFA-44B1-8110-8F767C392B23}"/>
          </ac:grpSpMkLst>
        </pc:grpChg>
        <pc:grpChg chg="add mod">
          <ac:chgData name="Adam Wilson" userId="b8e2e8a2000bddc0" providerId="LiveId" clId="{515A8530-F464-4271-8D8F-E7731BC950E9}" dt="2021-09-22T08:41:29.893" v="677"/>
          <ac:grpSpMkLst>
            <pc:docMk/>
            <pc:sldMk cId="3374335020" sldId="294"/>
            <ac:grpSpMk id="16" creationId="{C792FBCF-E290-4677-AA32-3035796D98E9}"/>
          </ac:grpSpMkLst>
        </pc:grpChg>
        <pc:grpChg chg="add mod">
          <ac:chgData name="Adam Wilson" userId="b8e2e8a2000bddc0" providerId="LiveId" clId="{515A8530-F464-4271-8D8F-E7731BC950E9}" dt="2021-09-22T08:41:29.893" v="677"/>
          <ac:grpSpMkLst>
            <pc:docMk/>
            <pc:sldMk cId="3374335020" sldId="294"/>
            <ac:grpSpMk id="24" creationId="{C00202A5-7195-411A-A7C2-3D116035E75A}"/>
          </ac:grpSpMkLst>
        </pc:grpChg>
        <pc:grpChg chg="add mod">
          <ac:chgData name="Adam Wilson" userId="b8e2e8a2000bddc0" providerId="LiveId" clId="{515A8530-F464-4271-8D8F-E7731BC950E9}" dt="2021-09-22T08:41:29.893" v="677"/>
          <ac:grpSpMkLst>
            <pc:docMk/>
            <pc:sldMk cId="3374335020" sldId="294"/>
            <ac:grpSpMk id="29" creationId="{E9B718F9-ED7E-4FD1-B824-2B50435E4736}"/>
          </ac:grpSpMkLst>
        </pc:grpChg>
        <pc:grpChg chg="add mod">
          <ac:chgData name="Adam Wilson" userId="b8e2e8a2000bddc0" providerId="LiveId" clId="{515A8530-F464-4271-8D8F-E7731BC950E9}" dt="2021-09-22T08:41:29.893" v="677"/>
          <ac:grpSpMkLst>
            <pc:docMk/>
            <pc:sldMk cId="3374335020" sldId="294"/>
            <ac:grpSpMk id="32" creationId="{498443B6-5DCF-4DD7-9490-8CC6985C865D}"/>
          </ac:grpSpMkLst>
        </pc:grpChg>
        <pc:grpChg chg="add mod">
          <ac:chgData name="Adam Wilson" userId="b8e2e8a2000bddc0" providerId="LiveId" clId="{515A8530-F464-4271-8D8F-E7731BC950E9}" dt="2021-09-22T08:41:29.893" v="677"/>
          <ac:grpSpMkLst>
            <pc:docMk/>
            <pc:sldMk cId="3374335020" sldId="294"/>
            <ac:grpSpMk id="37" creationId="{E4B8AD82-DFC5-4BC4-84B3-3A0F67F4B535}"/>
          </ac:grpSpMkLst>
        </pc:grpChg>
        <pc:grpChg chg="add mod">
          <ac:chgData name="Adam Wilson" userId="b8e2e8a2000bddc0" providerId="LiveId" clId="{515A8530-F464-4271-8D8F-E7731BC950E9}" dt="2021-09-22T08:41:29.893" v="677"/>
          <ac:grpSpMkLst>
            <pc:docMk/>
            <pc:sldMk cId="3374335020" sldId="294"/>
            <ac:grpSpMk id="40" creationId="{06DC73E9-4A6A-46BE-8784-08328B4FC87A}"/>
          </ac:grpSpMkLst>
        </pc:grpChg>
        <pc:grpChg chg="add mod">
          <ac:chgData name="Adam Wilson" userId="b8e2e8a2000bddc0" providerId="LiveId" clId="{515A8530-F464-4271-8D8F-E7731BC950E9}" dt="2021-09-22T08:41:29.893" v="677"/>
          <ac:grpSpMkLst>
            <pc:docMk/>
            <pc:sldMk cId="3374335020" sldId="294"/>
            <ac:grpSpMk id="46" creationId="{5637295D-D984-405F-BA5B-44A7541B0139}"/>
          </ac:grpSpMkLst>
        </pc:grpChg>
        <pc:cxnChg chg="add 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7" creationId="{404D2878-54B6-451A-A39C-E38620EEFFE6}"/>
          </ac:cxnSpMkLst>
        </pc:cxnChg>
        <pc:cxnChg chg="add 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8" creationId="{C5F38216-F881-4D6C-8AC8-BEC2307C4FF1}"/>
          </ac:cxnSpMkLst>
        </pc:cxnChg>
        <pc:cxnChg chg="add 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9" creationId="{EDF77E09-0C5A-4858-8C5A-D518E8DEAE1C}"/>
          </ac:cxnSpMkLst>
        </pc:cxnChg>
        <pc:cxnChg chg="add 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10" creationId="{806F491F-5BB6-49C5-8FDB-2A17C2024BD0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14" creationId="{12AF9EC4-115E-41C7-9D98-96C804205317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15" creationId="{93600315-2B28-4648-A150-D50A922F977E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17" creationId="{438EA471-6B66-4020-9E29-DA9951AC4E2C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18" creationId="{D5E66310-8494-4ED4-98EA-7311843FC3C6}"/>
          </ac:cxnSpMkLst>
        </pc:cxnChg>
        <pc:cxnChg chg="add 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19" creationId="{2DD6146F-B435-41ED-87CC-15E7EA07CB20}"/>
          </ac:cxnSpMkLst>
        </pc:cxnChg>
        <pc:cxnChg chg="add 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20" creationId="{0A83A098-FEBA-4EE1-9802-DD41EDEA0F18}"/>
          </ac:cxnSpMkLst>
        </pc:cxnChg>
        <pc:cxnChg chg="add 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21" creationId="{2AA3587E-6227-49D6-8871-18377A95A241}"/>
          </ac:cxnSpMkLst>
        </pc:cxnChg>
        <pc:cxnChg chg="add 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22" creationId="{107C931B-7790-4399-9AAD-79D723B1871E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25" creationId="{A90600BC-49E6-494C-A1FF-D841AC11DEC3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26" creationId="{EE704315-2204-44A4-B9EB-A51CFF53C664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30" creationId="{BAB70BE3-1EDD-416A-BEE1-E81F5CFAAAF5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31" creationId="{022505E9-1257-4A59-98EA-B4783CE62CFE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33" creationId="{B06E107D-9E1F-4ED5-B047-3BC2DE62EECB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34" creationId="{A5CD5E58-2B55-400B-9374-CFFBAA5D6C85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38" creationId="{3666C592-80C1-4BF0-A040-32252B4A5088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39" creationId="{F6BB931C-210C-4694-8232-E322778EBBFD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41" creationId="{D107B058-699A-4582-B40F-E12755D9FAA2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42" creationId="{F670DDCE-E2ED-4207-9C15-D63AA600AE6C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47" creationId="{849AA88F-BD83-4F45-BA6D-A5A940C7D0FC}"/>
          </ac:cxnSpMkLst>
        </pc:cxnChg>
        <pc:cxnChg chg="mod">
          <ac:chgData name="Adam Wilson" userId="b8e2e8a2000bddc0" providerId="LiveId" clId="{515A8530-F464-4271-8D8F-E7731BC950E9}" dt="2021-09-22T08:41:29.893" v="677"/>
          <ac:cxnSpMkLst>
            <pc:docMk/>
            <pc:sldMk cId="3374335020" sldId="294"/>
            <ac:cxnSpMk id="48" creationId="{583FABEC-F88F-4D0B-ADC3-C0ABE51B81FB}"/>
          </ac:cxnSpMkLst>
        </pc:cxnChg>
      </pc:sldChg>
      <pc:sldChg chg="addSp delSp modSp new mod ord">
        <pc:chgData name="Adam Wilson" userId="b8e2e8a2000bddc0" providerId="LiveId" clId="{515A8530-F464-4271-8D8F-E7731BC950E9}" dt="2021-09-27T13:01:03.064" v="1173" actId="1076"/>
        <pc:sldMkLst>
          <pc:docMk/>
          <pc:sldMk cId="1513045911" sldId="295"/>
        </pc:sldMkLst>
        <pc:spChg chg="mod">
          <ac:chgData name="Adam Wilson" userId="b8e2e8a2000bddc0" providerId="LiveId" clId="{515A8530-F464-4271-8D8F-E7731BC950E9}" dt="2021-09-27T13:00:36.337" v="1163" actId="1076"/>
          <ac:spMkLst>
            <pc:docMk/>
            <pc:sldMk cId="1513045911" sldId="295"/>
            <ac:spMk id="2" creationId="{9C272E74-A087-48A4-9350-0EF6BF744424}"/>
          </ac:spMkLst>
        </pc:spChg>
        <pc:spChg chg="del mod">
          <ac:chgData name="Adam Wilson" userId="b8e2e8a2000bddc0" providerId="LiveId" clId="{515A8530-F464-4271-8D8F-E7731BC950E9}" dt="2021-09-22T08:53:04.883" v="833" actId="478"/>
          <ac:spMkLst>
            <pc:docMk/>
            <pc:sldMk cId="1513045911" sldId="295"/>
            <ac:spMk id="3" creationId="{7B03A134-2C04-4C79-8E4E-58571ED82068}"/>
          </ac:spMkLst>
        </pc:spChg>
        <pc:spChg chg="add del mod">
          <ac:chgData name="Adam Wilson" userId="b8e2e8a2000bddc0" providerId="LiveId" clId="{515A8530-F464-4271-8D8F-E7731BC950E9}" dt="2021-09-22T08:50:36.680" v="794" actId="21"/>
          <ac:spMkLst>
            <pc:docMk/>
            <pc:sldMk cId="1513045911" sldId="295"/>
            <ac:spMk id="5" creationId="{EEA00E93-F8DD-4A94-A176-67EA2D92DB9B}"/>
          </ac:spMkLst>
        </pc:spChg>
        <pc:spChg chg="add mod">
          <ac:chgData name="Adam Wilson" userId="b8e2e8a2000bddc0" providerId="LiveId" clId="{515A8530-F464-4271-8D8F-E7731BC950E9}" dt="2021-09-27T13:00:45.801" v="1166" actId="14100"/>
          <ac:spMkLst>
            <pc:docMk/>
            <pc:sldMk cId="1513045911" sldId="295"/>
            <ac:spMk id="6" creationId="{EC492FF9-ECA6-4120-BF48-D6B8F5BF49C7}"/>
          </ac:spMkLst>
        </pc:spChg>
        <pc:spChg chg="add mod">
          <ac:chgData name="Adam Wilson" userId="b8e2e8a2000bddc0" providerId="LiveId" clId="{515A8530-F464-4271-8D8F-E7731BC950E9}" dt="2021-09-27T13:00:50.323" v="1168" actId="1076"/>
          <ac:spMkLst>
            <pc:docMk/>
            <pc:sldMk cId="1513045911" sldId="295"/>
            <ac:spMk id="10" creationId="{7577F1BC-DD15-4CBB-8083-9F3EBEB8DBD1}"/>
          </ac:spMkLst>
        </pc:spChg>
        <pc:spChg chg="add del mod">
          <ac:chgData name="Adam Wilson" userId="b8e2e8a2000bddc0" providerId="LiveId" clId="{515A8530-F464-4271-8D8F-E7731BC950E9}" dt="2021-09-22T08:53:06.919" v="834" actId="478"/>
          <ac:spMkLst>
            <pc:docMk/>
            <pc:sldMk cId="1513045911" sldId="295"/>
            <ac:spMk id="10" creationId="{DD6E0450-630F-4EC0-A061-759E2493FAF3}"/>
          </ac:spMkLst>
        </pc:spChg>
        <pc:picChg chg="add mod">
          <ac:chgData name="Adam Wilson" userId="b8e2e8a2000bddc0" providerId="LiveId" clId="{515A8530-F464-4271-8D8F-E7731BC950E9}" dt="2021-09-27T13:01:03.064" v="1173" actId="1076"/>
          <ac:picMkLst>
            <pc:docMk/>
            <pc:sldMk cId="1513045911" sldId="295"/>
            <ac:picMk id="7" creationId="{A4433289-23A2-4003-BF91-1B92367BF9D7}"/>
          </ac:picMkLst>
        </pc:picChg>
        <pc:picChg chg="add mod">
          <ac:chgData name="Adam Wilson" userId="b8e2e8a2000bddc0" providerId="LiveId" clId="{515A8530-F464-4271-8D8F-E7731BC950E9}" dt="2021-09-27T13:01:00.441" v="1171" actId="1076"/>
          <ac:picMkLst>
            <pc:docMk/>
            <pc:sldMk cId="1513045911" sldId="295"/>
            <ac:picMk id="8" creationId="{267E2052-0960-409F-BA73-4CC8E175E288}"/>
          </ac:picMkLst>
        </pc:picChg>
        <pc:picChg chg="add mod">
          <ac:chgData name="Adam Wilson" userId="b8e2e8a2000bddc0" providerId="LiveId" clId="{515A8530-F464-4271-8D8F-E7731BC950E9}" dt="2021-09-27T13:01:01.689" v="1172" actId="1076"/>
          <ac:picMkLst>
            <pc:docMk/>
            <pc:sldMk cId="1513045911" sldId="295"/>
            <ac:picMk id="9" creationId="{CC8B2B09-EDE4-45C7-B045-06C27C2A3FA7}"/>
          </ac:picMkLst>
        </pc:picChg>
      </pc:sldChg>
      <pc:sldChg chg="addSp delSp modSp new mod">
        <pc:chgData name="Adam Wilson" userId="b8e2e8a2000bddc0" providerId="LiveId" clId="{515A8530-F464-4271-8D8F-E7731BC950E9}" dt="2021-09-27T14:28:48.588" v="1295" actId="1076"/>
        <pc:sldMkLst>
          <pc:docMk/>
          <pc:sldMk cId="2359134779" sldId="296"/>
        </pc:sldMkLst>
        <pc:spChg chg="del">
          <ac:chgData name="Adam Wilson" userId="b8e2e8a2000bddc0" providerId="LiveId" clId="{515A8530-F464-4271-8D8F-E7731BC950E9}" dt="2021-09-22T08:51:13.486" v="811" actId="478"/>
          <ac:spMkLst>
            <pc:docMk/>
            <pc:sldMk cId="2359134779" sldId="296"/>
            <ac:spMk id="2" creationId="{8FC83D38-CCAA-4FC2-9EA2-EBC8CECE4AC4}"/>
          </ac:spMkLst>
        </pc:spChg>
        <pc:spChg chg="del">
          <ac:chgData name="Adam Wilson" userId="b8e2e8a2000bddc0" providerId="LiveId" clId="{515A8530-F464-4271-8D8F-E7731BC950E9}" dt="2021-09-22T08:50:41.033" v="796" actId="478"/>
          <ac:spMkLst>
            <pc:docMk/>
            <pc:sldMk cId="2359134779" sldId="296"/>
            <ac:spMk id="3" creationId="{186938AB-B8A0-4281-BC69-39B0D94A0D3E}"/>
          </ac:spMkLst>
        </pc:spChg>
        <pc:spChg chg="add del mod">
          <ac:chgData name="Adam Wilson" userId="b8e2e8a2000bddc0" providerId="LiveId" clId="{515A8530-F464-4271-8D8F-E7731BC950E9}" dt="2021-09-22T08:51:22.422" v="825" actId="478"/>
          <ac:spMkLst>
            <pc:docMk/>
            <pc:sldMk cId="2359134779" sldId="296"/>
            <ac:spMk id="5" creationId="{691B25E6-AFAE-4CDF-9CAD-A28FCA7037D5}"/>
          </ac:spMkLst>
        </pc:spChg>
        <pc:spChg chg="add mod">
          <ac:chgData name="Adam Wilson" userId="b8e2e8a2000bddc0" providerId="LiveId" clId="{515A8530-F464-4271-8D8F-E7731BC950E9}" dt="2021-09-27T13:02:06.009" v="1209" actId="14100"/>
          <ac:spMkLst>
            <pc:docMk/>
            <pc:sldMk cId="2359134779" sldId="296"/>
            <ac:spMk id="6" creationId="{77F7C787-EE5C-4275-92C4-861047D9A4C9}"/>
          </ac:spMkLst>
        </pc:spChg>
        <pc:spChg chg="add mod">
          <ac:chgData name="Adam Wilson" userId="b8e2e8a2000bddc0" providerId="LiveId" clId="{515A8530-F464-4271-8D8F-E7731BC950E9}" dt="2021-09-27T13:01:36.007" v="1198" actId="20577"/>
          <ac:spMkLst>
            <pc:docMk/>
            <pc:sldMk cId="2359134779" sldId="296"/>
            <ac:spMk id="7" creationId="{561F71ED-B388-4B7F-B58F-1EEC10210634}"/>
          </ac:spMkLst>
        </pc:spChg>
        <pc:spChg chg="add mod">
          <ac:chgData name="Adam Wilson" userId="b8e2e8a2000bddc0" providerId="LiveId" clId="{515A8530-F464-4271-8D8F-E7731BC950E9}" dt="2021-09-27T13:02:08.626" v="1211" actId="1076"/>
          <ac:spMkLst>
            <pc:docMk/>
            <pc:sldMk cId="2359134779" sldId="296"/>
            <ac:spMk id="10" creationId="{7E12E933-0002-4F38-B8F3-B83476D13504}"/>
          </ac:spMkLst>
        </pc:spChg>
        <pc:spChg chg="add del">
          <ac:chgData name="Adam Wilson" userId="b8e2e8a2000bddc0" providerId="LiveId" clId="{515A8530-F464-4271-8D8F-E7731BC950E9}" dt="2021-09-27T13:02:14.410" v="1213" actId="22"/>
          <ac:spMkLst>
            <pc:docMk/>
            <pc:sldMk cId="2359134779" sldId="296"/>
            <ac:spMk id="12" creationId="{4DB4AABD-09B5-4E76-A1C1-8FC08E03B8A6}"/>
          </ac:spMkLst>
        </pc:spChg>
        <pc:picChg chg="add del mod">
          <ac:chgData name="Adam Wilson" userId="b8e2e8a2000bddc0" providerId="LiveId" clId="{515A8530-F464-4271-8D8F-E7731BC950E9}" dt="2021-09-27T13:01:39.309" v="1199" actId="21"/>
          <ac:picMkLst>
            <pc:docMk/>
            <pc:sldMk cId="2359134779" sldId="296"/>
            <ac:picMk id="8" creationId="{10D090EF-6174-4D86-AF22-F30C539A1E4F}"/>
          </ac:picMkLst>
        </pc:picChg>
        <pc:picChg chg="add del mod">
          <ac:chgData name="Adam Wilson" userId="b8e2e8a2000bddc0" providerId="LiveId" clId="{515A8530-F464-4271-8D8F-E7731BC950E9}" dt="2021-09-27T13:01:39.309" v="1199" actId="21"/>
          <ac:picMkLst>
            <pc:docMk/>
            <pc:sldMk cId="2359134779" sldId="296"/>
            <ac:picMk id="9" creationId="{038D27A8-0D75-4AF0-BD20-E606419B8877}"/>
          </ac:picMkLst>
        </pc:picChg>
        <pc:picChg chg="add del mod">
          <ac:chgData name="Adam Wilson" userId="b8e2e8a2000bddc0" providerId="LiveId" clId="{515A8530-F464-4271-8D8F-E7731BC950E9}" dt="2021-09-27T13:01:39.309" v="1199" actId="21"/>
          <ac:picMkLst>
            <pc:docMk/>
            <pc:sldMk cId="2359134779" sldId="296"/>
            <ac:picMk id="11" creationId="{5FA5B8C2-BB8C-4ADE-A8C3-59B272B1641D}"/>
          </ac:picMkLst>
        </pc:picChg>
        <pc:picChg chg="add del mod">
          <ac:chgData name="Adam Wilson" userId="b8e2e8a2000bddc0" providerId="LiveId" clId="{515A8530-F464-4271-8D8F-E7731BC950E9}" dt="2021-09-27T13:01:39.309" v="1199" actId="21"/>
          <ac:picMkLst>
            <pc:docMk/>
            <pc:sldMk cId="2359134779" sldId="296"/>
            <ac:picMk id="13" creationId="{5488F2BE-185D-41D8-88B7-A4D339E8A131}"/>
          </ac:picMkLst>
        </pc:picChg>
        <pc:picChg chg="add mod">
          <ac:chgData name="Adam Wilson" userId="b8e2e8a2000bddc0" providerId="LiveId" clId="{515A8530-F464-4271-8D8F-E7731BC950E9}" dt="2021-09-27T14:28:48.588" v="1295" actId="1076"/>
          <ac:picMkLst>
            <pc:docMk/>
            <pc:sldMk cId="2359134779" sldId="296"/>
            <ac:picMk id="14" creationId="{DB1486FC-DAE6-4789-9D13-73B957078945}"/>
          </ac:picMkLst>
        </pc:picChg>
        <pc:picChg chg="add mod">
          <ac:chgData name="Adam Wilson" userId="b8e2e8a2000bddc0" providerId="LiveId" clId="{515A8530-F464-4271-8D8F-E7731BC950E9}" dt="2021-09-27T14:28:45.733" v="1293" actId="1076"/>
          <ac:picMkLst>
            <pc:docMk/>
            <pc:sldMk cId="2359134779" sldId="296"/>
            <ac:picMk id="16" creationId="{0BB31CEC-CDE5-48A1-AC9F-5B498501BDC4}"/>
          </ac:picMkLst>
        </pc:picChg>
      </pc:sldChg>
      <pc:sldChg chg="addSp delSp modSp new mod">
        <pc:chgData name="Adam Wilson" userId="b8e2e8a2000bddc0" providerId="LiveId" clId="{515A8530-F464-4271-8D8F-E7731BC950E9}" dt="2021-09-27T14:27:29.596" v="1274" actId="1076"/>
        <pc:sldMkLst>
          <pc:docMk/>
          <pc:sldMk cId="98564588" sldId="297"/>
        </pc:sldMkLst>
        <pc:spChg chg="mod">
          <ac:chgData name="Adam Wilson" userId="b8e2e8a2000bddc0" providerId="LiveId" clId="{515A8530-F464-4271-8D8F-E7731BC950E9}" dt="2021-09-27T13:03:27.184" v="1246" actId="1076"/>
          <ac:spMkLst>
            <pc:docMk/>
            <pc:sldMk cId="98564588" sldId="297"/>
            <ac:spMk id="2" creationId="{32AB06BB-97B7-4A3A-A489-C3B936E6B6DC}"/>
          </ac:spMkLst>
        </pc:spChg>
        <pc:spChg chg="add del mod">
          <ac:chgData name="Adam Wilson" userId="b8e2e8a2000bddc0" providerId="LiveId" clId="{515A8530-F464-4271-8D8F-E7731BC950E9}" dt="2021-09-22T08:58:35.850" v="1097" actId="1076"/>
          <ac:spMkLst>
            <pc:docMk/>
            <pc:sldMk cId="98564588" sldId="297"/>
            <ac:spMk id="3" creationId="{A85C2304-0E40-4466-86C3-4E2BDD61D246}"/>
          </ac:spMkLst>
        </pc:spChg>
        <pc:spChg chg="add mod">
          <ac:chgData name="Adam Wilson" userId="b8e2e8a2000bddc0" providerId="LiveId" clId="{515A8530-F464-4271-8D8F-E7731BC950E9}" dt="2021-09-22T08:58:28.370" v="1096" actId="1076"/>
          <ac:spMkLst>
            <pc:docMk/>
            <pc:sldMk cId="98564588" sldId="297"/>
            <ac:spMk id="5" creationId="{A3BF2F69-5A52-46F5-981A-8EE429904B0C}"/>
          </ac:spMkLst>
        </pc:spChg>
        <pc:picChg chg="add mod">
          <ac:chgData name="Adam Wilson" userId="b8e2e8a2000bddc0" providerId="LiveId" clId="{515A8530-F464-4271-8D8F-E7731BC950E9}" dt="2021-09-27T14:26:47.077" v="1270" actId="1076"/>
          <ac:picMkLst>
            <pc:docMk/>
            <pc:sldMk cId="98564588" sldId="297"/>
            <ac:picMk id="7" creationId="{75742E3C-2D57-465E-BE3D-429632F94A3E}"/>
          </ac:picMkLst>
        </pc:picChg>
        <pc:picChg chg="add mod">
          <ac:chgData name="Adam Wilson" userId="b8e2e8a2000bddc0" providerId="LiveId" clId="{515A8530-F464-4271-8D8F-E7731BC950E9}" dt="2021-09-27T14:27:29.596" v="1274" actId="1076"/>
          <ac:picMkLst>
            <pc:docMk/>
            <pc:sldMk cId="98564588" sldId="297"/>
            <ac:picMk id="9" creationId="{C63CE262-D71B-4AAC-A018-4ECECD72ED2B}"/>
          </ac:picMkLst>
        </pc:picChg>
      </pc:sldChg>
      <pc:sldChg chg="addSp delSp modSp new mod">
        <pc:chgData name="Adam Wilson" userId="b8e2e8a2000bddc0" providerId="LiveId" clId="{515A8530-F464-4271-8D8F-E7731BC950E9}" dt="2021-09-27T14:28:17.310" v="1287" actId="1076"/>
        <pc:sldMkLst>
          <pc:docMk/>
          <pc:sldMk cId="575147589" sldId="298"/>
        </pc:sldMkLst>
        <pc:spChg chg="del">
          <ac:chgData name="Adam Wilson" userId="b8e2e8a2000bddc0" providerId="LiveId" clId="{515A8530-F464-4271-8D8F-E7731BC950E9}" dt="2021-09-22T09:02:13.849" v="1101" actId="478"/>
          <ac:spMkLst>
            <pc:docMk/>
            <pc:sldMk cId="575147589" sldId="298"/>
            <ac:spMk id="2" creationId="{2D8D347D-B689-4FB4-94D2-BEB2806D1890}"/>
          </ac:spMkLst>
        </pc:spChg>
        <pc:spChg chg="del">
          <ac:chgData name="Adam Wilson" userId="b8e2e8a2000bddc0" providerId="LiveId" clId="{515A8530-F464-4271-8D8F-E7731BC950E9}" dt="2021-09-22T09:02:57.604" v="1103" actId="478"/>
          <ac:spMkLst>
            <pc:docMk/>
            <pc:sldMk cId="575147589" sldId="298"/>
            <ac:spMk id="3" creationId="{5EA64A92-CA96-48FA-A085-CE726DCF06A1}"/>
          </ac:spMkLst>
        </pc:spChg>
        <pc:spChg chg="add mod">
          <ac:chgData name="Adam Wilson" userId="b8e2e8a2000bddc0" providerId="LiveId" clId="{515A8530-F464-4271-8D8F-E7731BC950E9}" dt="2021-09-27T13:01:24.875" v="1185" actId="20577"/>
          <ac:spMkLst>
            <pc:docMk/>
            <pc:sldMk cId="575147589" sldId="298"/>
            <ac:spMk id="5" creationId="{2A8188C8-5C2D-48AA-8148-FC39889E6C09}"/>
          </ac:spMkLst>
        </pc:spChg>
        <pc:spChg chg="add mod">
          <ac:chgData name="Adam Wilson" userId="b8e2e8a2000bddc0" providerId="LiveId" clId="{515A8530-F464-4271-8D8F-E7731BC950E9}" dt="2021-09-22T09:02:58.587" v="1104"/>
          <ac:spMkLst>
            <pc:docMk/>
            <pc:sldMk cId="575147589" sldId="298"/>
            <ac:spMk id="6" creationId="{48181586-CDFF-4594-A639-8D4D84854720}"/>
          </ac:spMkLst>
        </pc:spChg>
        <pc:spChg chg="add mod">
          <ac:chgData name="Adam Wilson" userId="b8e2e8a2000bddc0" providerId="LiveId" clId="{515A8530-F464-4271-8D8F-E7731BC950E9}" dt="2021-09-27T14:28:05.832" v="1283" actId="1076"/>
          <ac:spMkLst>
            <pc:docMk/>
            <pc:sldMk cId="575147589" sldId="298"/>
            <ac:spMk id="7" creationId="{E4CBFA59-0D5C-4C99-A8E0-465CBB7918B9}"/>
          </ac:spMkLst>
        </pc:spChg>
        <pc:picChg chg="add mod">
          <ac:chgData name="Adam Wilson" userId="b8e2e8a2000bddc0" providerId="LiveId" clId="{515A8530-F464-4271-8D8F-E7731BC950E9}" dt="2021-09-27T14:28:06.557" v="1284" actId="1076"/>
          <ac:picMkLst>
            <pc:docMk/>
            <pc:sldMk cId="575147589" sldId="298"/>
            <ac:picMk id="3" creationId="{9C1F2C95-5C6D-4CB7-ACB8-FC8D0B740295}"/>
          </ac:picMkLst>
        </pc:picChg>
        <pc:picChg chg="add mod">
          <ac:chgData name="Adam Wilson" userId="b8e2e8a2000bddc0" providerId="LiveId" clId="{515A8530-F464-4271-8D8F-E7731BC950E9}" dt="2021-09-27T14:28:17.310" v="1287" actId="1076"/>
          <ac:picMkLst>
            <pc:docMk/>
            <pc:sldMk cId="575147589" sldId="298"/>
            <ac:picMk id="9" creationId="{08932ED1-D4AF-42B9-A06E-93BFB5495738}"/>
          </ac:picMkLst>
        </pc:picChg>
      </pc:sldChg>
      <pc:sldChg chg="addSp modSp add mod">
        <pc:chgData name="Adam Wilson" userId="b8e2e8a2000bddc0" providerId="LiveId" clId="{515A8530-F464-4271-8D8F-E7731BC950E9}" dt="2021-09-28T09:40:59.355" v="1298"/>
        <pc:sldMkLst>
          <pc:docMk/>
          <pc:sldMk cId="4024802845" sldId="299"/>
        </pc:sldMkLst>
        <pc:spChg chg="mod">
          <ac:chgData name="Adam Wilson" userId="b8e2e8a2000bddc0" providerId="LiveId" clId="{515A8530-F464-4271-8D8F-E7731BC950E9}" dt="2021-09-27T13:01:53.719" v="1204" actId="14100"/>
          <ac:spMkLst>
            <pc:docMk/>
            <pc:sldMk cId="4024802845" sldId="299"/>
            <ac:spMk id="7" creationId="{E4CBFA59-0D5C-4C99-A8E0-465CBB7918B9}"/>
          </ac:spMkLst>
        </pc:spChg>
        <pc:picChg chg="add mod">
          <ac:chgData name="Adam Wilson" userId="b8e2e8a2000bddc0" providerId="LiveId" clId="{515A8530-F464-4271-8D8F-E7731BC950E9}" dt="2021-09-27T13:01:50.888" v="1203" actId="14100"/>
          <ac:picMkLst>
            <pc:docMk/>
            <pc:sldMk cId="4024802845" sldId="299"/>
            <ac:picMk id="8" creationId="{685B55F9-2999-4134-BFB7-586B43278035}"/>
          </ac:picMkLst>
        </pc:picChg>
        <pc:picChg chg="add mod">
          <ac:chgData name="Adam Wilson" userId="b8e2e8a2000bddc0" providerId="LiveId" clId="{515A8530-F464-4271-8D8F-E7731BC950E9}" dt="2021-09-27T13:01:58.345" v="1207" actId="1076"/>
          <ac:picMkLst>
            <pc:docMk/>
            <pc:sldMk cId="4024802845" sldId="299"/>
            <ac:picMk id="9" creationId="{98E386FE-6A4A-4D8B-A9C3-EE2D5D24F4C1}"/>
          </ac:picMkLst>
        </pc:picChg>
        <pc:picChg chg="add mod">
          <ac:chgData name="Adam Wilson" userId="b8e2e8a2000bddc0" providerId="LiveId" clId="{515A8530-F464-4271-8D8F-E7731BC950E9}" dt="2021-09-27T13:01:55.099" v="1205" actId="1076"/>
          <ac:picMkLst>
            <pc:docMk/>
            <pc:sldMk cId="4024802845" sldId="299"/>
            <ac:picMk id="10" creationId="{20E49B56-BE18-4EAB-B4E5-931661150EFA}"/>
          </ac:picMkLst>
        </pc:picChg>
        <pc:picChg chg="add mod">
          <ac:chgData name="Adam Wilson" userId="b8e2e8a2000bddc0" providerId="LiveId" clId="{515A8530-F464-4271-8D8F-E7731BC950E9}" dt="2021-09-27T13:01:56.663" v="1206" actId="1076"/>
          <ac:picMkLst>
            <pc:docMk/>
            <pc:sldMk cId="4024802845" sldId="299"/>
            <ac:picMk id="11" creationId="{6752BE38-D95B-4157-8F7D-5146D89B996A}"/>
          </ac:picMkLst>
        </pc:picChg>
        <pc:inkChg chg="add">
          <ac:chgData name="Adam Wilson" userId="b8e2e8a2000bddc0" providerId="LiveId" clId="{515A8530-F464-4271-8D8F-E7731BC950E9}" dt="2021-09-28T09:40:59.355" v="1298"/>
          <ac:inkMkLst>
            <pc:docMk/>
            <pc:sldMk cId="4024802845" sldId="299"/>
            <ac:inkMk id="2" creationId="{CCD3A681-D901-4FCF-A4B4-2A094264AC6F}"/>
          </ac:inkMkLst>
        </pc:inkChg>
      </pc:sldChg>
      <pc:sldChg chg="addSp modSp add mod">
        <pc:chgData name="Adam Wilson" userId="b8e2e8a2000bddc0" providerId="LiveId" clId="{515A8530-F464-4271-8D8F-E7731BC950E9}" dt="2021-09-27T13:02:51.192" v="1227" actId="14100"/>
        <pc:sldMkLst>
          <pc:docMk/>
          <pc:sldMk cId="54672057" sldId="300"/>
        </pc:sldMkLst>
        <pc:picChg chg="add mod">
          <ac:chgData name="Adam Wilson" userId="b8e2e8a2000bddc0" providerId="LiveId" clId="{515A8530-F464-4271-8D8F-E7731BC950E9}" dt="2021-09-27T13:02:45.144" v="1225" actId="1076"/>
          <ac:picMkLst>
            <pc:docMk/>
            <pc:sldMk cId="54672057" sldId="300"/>
            <ac:picMk id="8" creationId="{3FEE372E-1887-4683-9313-49BFFF0489FA}"/>
          </ac:picMkLst>
        </pc:picChg>
        <pc:picChg chg="add mod">
          <ac:chgData name="Adam Wilson" userId="b8e2e8a2000bddc0" providerId="LiveId" clId="{515A8530-F464-4271-8D8F-E7731BC950E9}" dt="2021-09-27T13:02:51.192" v="1227" actId="14100"/>
          <ac:picMkLst>
            <pc:docMk/>
            <pc:sldMk cId="54672057" sldId="300"/>
            <ac:picMk id="9" creationId="{6BF322B4-4282-459A-BDF1-D7C7FC3FC3FC}"/>
          </ac:picMkLst>
        </pc:picChg>
        <pc:picChg chg="add mod">
          <ac:chgData name="Adam Wilson" userId="b8e2e8a2000bddc0" providerId="LiveId" clId="{515A8530-F464-4271-8D8F-E7731BC950E9}" dt="2021-09-27T13:02:44.559" v="1223" actId="1076"/>
          <ac:picMkLst>
            <pc:docMk/>
            <pc:sldMk cId="54672057" sldId="300"/>
            <ac:picMk id="11" creationId="{D70658E9-50C7-4811-A87E-2520117A807A}"/>
          </ac:picMkLst>
        </pc:picChg>
      </pc:sldChg>
      <pc:sldChg chg="add">
        <pc:chgData name="Adam Wilson" userId="b8e2e8a2000bddc0" providerId="LiveId" clId="{515A8530-F464-4271-8D8F-E7731BC950E9}" dt="2021-09-28T09:21:33.049" v="1297"/>
        <pc:sldMkLst>
          <pc:docMk/>
          <pc:sldMk cId="2493832961" sldId="301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ax="9600" units="cm"/>
          <inkml:channel name="Y" type="integer" max="7200" units="cm"/>
          <inkml:channel name="F" type="integer" max="4096" units="dev"/>
          <inkml:channel name="T" type="integer" max="2.14748E9" units="dev"/>
        </inkml:traceFormat>
        <inkml:channelProperties>
          <inkml:channelProperty channel="X" name="resolution" value="302.74362" units="1/cm"/>
          <inkml:channelProperty channel="Y" name="resolution" value="340.58658" units="1/cm"/>
          <inkml:channelProperty channel="F" name="resolution" value="0" units="1/dev"/>
          <inkml:channelProperty channel="T" name="resolution" value="1" units="1/dev"/>
        </inkml:channelProperties>
      </inkml:inkSource>
      <inkml:timestamp xml:id="ts0" timeString="2021-09-28T09:37:18.559"/>
    </inkml:context>
    <inkml:brush xml:id="br0">
      <inkml:brushProperty name="width" value="0.05292" units="cm"/>
      <inkml:brushProperty name="height" value="0.05292" units="cm"/>
      <inkml:brushProperty name="color" value="#FF0000"/>
    </inkml:brush>
  </inkml:definitions>
  <inkml:trace contextRef="#ctx0" brushRef="#br0">31718 12375 694 0,'0'0'15'0,"0"0"3"0,0 0 1 0,0 0 1 0,-4 4-20 0,4 5 0 0,-3-3 0 16,3 7 0-16,0-4 21 0,0 4 0 15,0-1 0-15,3 4 0 0,-3 0 7 0,4 2 0 0,-1 1 1 0,1 3 0 0,-1 6-29 0,1 1 0 16,-1 5 0-16,1 1 0 0,3 2 22 0,-4 4-2 15,4 0 0-15,-3 3 0 16,7 3-10-16,-4 3-2 63,3 3-8-48,-3 4 12-15,0-1 8 0,0 1 0 0,0 2 1 0,0 4 0 0,1 0 6 0,2-1 1 0,-3 4 0 0,-3-3 0 16,3 0 18-16,3 59 55 0,-6-59-50 0,-1 2-34 0,-3 1-6 0,4 0-2 15,-4-3 0-15,0-1 6 0,0 4 1 0,0 0 0 16,0 0 0-16,3 3-7 0,-3 0-1 0,0 3 0 0,0 0 0 0,0 7-8 0,0-4-17 0,0-3 4 16,0 0 1-16,0 0-7 0,0-3-1 0,0 0 0 15,4-6 0-15,-4 3 20 0,3-7 0 0,-3-2 0 0,0-1 0 16,4-6 0-16,0 4 0 0,-4-7 0 0,3 0 0 0,4 0 0 0,-3-3 0 16,-1-7 0-16,1 1 0 0,-1-4-29 15,-3-2-3-15,4 2 0 0,-1-9 0 0,1 4 32 16,-4-8 0-16,3 1 0 0,-3-3 0 0,4-3 0 0,-4 0 0 15,0-4 0-15,3 1 0 16,-3-4-22-16,0-3 2 0,0 1 0 0,0-4 0 0,0 3-26 16,0-6-5-16,0 3-1 0,0-3 0 0,0 0-3 0,0 0-1 0,0 0 0 15,0 0 0-15,0 0 4 0,0 0 1 0,0 0 0 0,0 0-236 0</inkml:trace>
  <inkml:trace contextRef="#ctx0" brushRef="#br0" timeOffset="714.15">31961 16035 129 0,'0'0'0'0,"0"0"0"0,0 0 0 0,0 0 12 16,0 0-12-16,0 0 0 0,0 0 0 0,0 0 0 0,0 0 27 0,0 0 3 0,0 0 1 0,0 0 0 16,0 0-23-16,0 0-8 15,0 0 0-15,0 0 0 0,0 0 19 0,0 6-3 16,0-6 0-16,0 0 0 16,0 0-16-16,0 3 0 0,0-3 0 0,0 0 0 15,0 0 0-15,0 0 8 0,0 0 1 0,0 0 0 16,0 0 21-16,0 0 4 0,0 0 1 0,0 0 0 15,0 0 9-15,-3-6 3 0,3-7 0 0,-4 4 0 0,4-1 25 0,-4-2 4 0,4-1 2 0,0-2 0 16,0-1-11-16,0-3-3 16,0 0 0-16,0-3 0 0,0-6-32 0,0 3-6 15,0-3-2-15,0-3 0 16,0 2 7-16,4-2 1 0,0 3 0 0,-4 0 0 16,3-1-52-1,1 7-9-15,-1 0-3 0,1 0 0 0,-1 4 15 16,1-4 2-16,-1 0 1 0,4 0 0 0,-3 6-4 15,-1-3-1-15,1 0 0 0,-1 1 0 16,4-1 19-16,-3-3 14 0,-1 3-2 0,1 0-1 16,0 0 14-1,3-2 3-15,-4 5 1 16,1-3 0-16,-1 0-10 16,4 0-3-16,-3 4 0 0,-1-1 0 0,1 0 7 15,-4 1 1-15,3 2 0 0,1 1 0 0,-1-1-7 0,1 4-1 16,-4 2 0-16,0-2 0 15,0 9 1-15,0 0 0 0,0 0 0 0,0 0 0 0,0 0-2 0,0 0-1 0,0 9 0 0,-4-2 0 0,4 5-14 16,-3 4-13-16,-4 3 2 0,7 0 1 0,-4 6-34 0,-3 3-6 16,4 0-2-16,-4 0 0 0,3 4-5 0,-3 2-2 15,0 1 0-15,0 2 0 0,0 4 7 16,-4 0 0-16,4 3 1 0,-3 0 0 0,-1-4 26 0,1 4 5 16,-5-3 0-16,5 0 1 0,-1-7 19 0,1 1 0 0,3-1 0 15,-4-6 0-15,-3 1 16 0,3-4 11 16,4-3 1-16,-3-4 1 0,-1 1 7 0,4-3 0 0,0 0 1 15,0-4 0-15,3 1-13 16,-3-1-4-16,4-2 0 16,-4-1 0-16,3-3-6 0,1 1-2 15,-1-1 0-15,1-3 0 0,3-3-12 0,0 0 0 16,0 0 0-16,-7-3 0 0,3 0 28 0,-3-4 4 0,4 1 0 0,-5-6 0 16,1-1 30-16,0-3 6 0,4-2 2 0,-4-4 0 0,3 0 2 0,-3-6 0 0,0 2 0 0,0-2 0 15,0-3-16-15,3-4-4 0,-3 1 0 0,4-1 0 16,-4-5-40-16,0 2-12 0,0 0 0 0,3-2 8 0,-3-1-49 0,0 0-10 15,4 0-1-15,-4-3-1 0,3 4-62 16,4-7-12-16</inkml:trace>
  <inkml:trace contextRef="#ctx0" brushRef="#br0" timeOffset="2184.05">31555 12391 648 0,'0'0'14'0,"-7"-6"3"0,0 3 1 0,4-4 0 0,-1 1-18 0,1 0 0 0,-1 0 0 0,4-4 0 0,0 4 66 0,0-3 10 16,4-1 1-16,-4 4 1 0,7-3-9 0,-4-1-1 15,1 4-1-15,3 0 0 16,0-1-20-16,0 4-4 0,0 0-1 0,4 3 0 16,3 6-20-16,0 1-4 0,0 2-1 0,4 4 0 15,-1-1-17-15,4 7-19 0,-3-3 4 0,3 2 1 16,0 4-10-16,1-3-3 16,-1 3 0-16,0 0 0 0,0 0 9 0,0-3 2 0,-3 3 0 0,-1-3 0 15,-2-1 16-15,2 1 16 0,-3-3-4 16,0 0 0-16,-3-4 16 15,0 1 4 1,-4-4 0-16,0-3 0 0,0 1 9 16,0-1 3-16,-4 0 0 0,1-3 0 15,-1 0-8-15,-3-3 0 0,0 0-1 0,0-9 0 16,-3 3 7-16,-1-7 2 0,1-3 0 0,-1 1 0 16,-3-1-22-16,0-6-4 15,-3 3-1-15,-1 1 0 0,0-1 7 0,-3-3 0 16,0 0 1-16,0 0 0 0,0 0 17 0,-4 0 3 15,1-6 1-15,3 6 0 0,-4-3-25 16,4 0-5-16,-4 0 0 16,1 3-1-16,2 0-15 0,1-3-13 0,-3-1 2 15,3 8 1-15,3 2 10 0,-3 0-12 16,0 4 12-16,0-1-12 0,0 4 12 16,-1-1 0-16,5 1-9 15,-4 3 9-15,0 3 0 16,3-1 13-16,0 4-1 0,1 0-1 0,3 0-3 15,-4 7 0-15,8-1 0 0,-4 3 0 16,0 7-8-16,3 3-17 0,1 3 4 16,-1 6 1-16,4 0-8 0,4 4-2 15,-4 2 0-15,3 4 0 0,1-1 5 16,-1 1 1-16,1 3 0 0,-4 0 0 0,3-4 7 0,1 1 9 16,-1-4-13-16,1-2 5 0,3 21 0 15,-4-28 8-15,1-3-8 0,-1-3 17 16,1-4 4-16,-4 1 1 0,3-3 0 0,-3-1 1 0,4-2 0 15,-4-4 0-15,0 0 0 0,-4 0 11 16,4 1 2-16,0-7 1 0,0 0 0 16,0 0 0-16,0 0 0 0,0 0 0 0,0 0 0 0,0 0-19 0,0 0-10 15,0 0 10-15,0 0-10 0,0 0 0 0,0 0-8 0,0 0-1 0,0 0 0 16,0 0 0-16,0 0 0 0,-3-7 0 0,-1-2 0 16,4 0 9-16,4-7 0 15,-4 3 0-15,3-2 0 0,1-7-11 16,0 3 11-16,-1-3-13 0,1 0 5 0,-1-9 8 15,1 3 0-15,-1-1 0 0,4 1 0 16,-3 0 0-16,-1 0 0 0,1 3 0 0,-1-4-8 16,1 4-5-16,-4 0-1 0,3 0 0 0,1 3 0 0,-1 0-1 15,-3 3 0-15,4 1 0 0,-4-1 0 16,4 0-1-16,-4 6 0 0,0 1 0 16,0-1 0-16,0 1 16 0,0 2 0 15,0 4 0-15,-4-3 0 16,4 2 0-16,0 7 8 0,0 0 0 0,0 0-8 0,0 0 14 0,-7 4-4 0,0-1-1 15,0 0 0-15,0 0-9 0,0 3-12 16,0 0 2-16,0 1 1 0,-4 2 0 0,4-3 0 0,0 1 0 16,0-1 0-16,0-3-2 0,0 0 0 15,0 0 0-15,0-3 0 0,0 0 22 0,0 0 4 0,7 0 1 0,0 0 0 16,-8-3 0-16,5 0 0 0,3 3 0 0,-7-6 0 0,3-4-16 0,4 4 9 16,-3-3-9-16,3-1 8 0,3-2-8 15,-3-1 0-15,4 4-12 0,-1-1 12 0,1 1-11 0,-1 0 11 0,5-1-8 0,-5 1 8 16,4-1-14-16,0 4 2 0,-3-3 1 0,3 2 0 15,-4 1 11-15,4 0 0 0,-3 3 0 16,-1-3-8-16,4 2 8 0,-3 4 12 0,-4 0-2 16,0 0-1-16,7-3-1 0,-3 3-8 0,3 0 12 15,-4 0-4-15,4 7-8 0,-3-1 0 0,3 0 0 0,0 0 8 0,0 4 4 16,0-1 1-16,0 1 0 0,4 2 0 0,-4 1-13 0,0 2 0 0,0-2 0 0,0-1 0 16,0 1 0-16,3-1-13 0,-3-2 1 0,1 2 0 15,-1 1-20-15,3-4-3 0,-3 4-1 0,0-4 0 16,0 1-28-16,0 2-7 0,0 1-1 0,-3 3-718 15</inkml:trace>
  <inkml:trace contextRef="#ctx0" brushRef="#br0" timeOffset="5737.85">31594 12542 176 0,'0'0'0'0,"0"0"8"0,0 0-8 0,0 0 9 0,0 0-9 0,0 0 0 16,0 0 0-16,0-7 0 0,0 1 36 0,0-3 4 15,0-1 2-15,0 1 0 16,0-7-3-16,4 1-1 0,-4-7 0 0,3 0 0 0,1-3 10 0,-4-1 3 16,3-2 0-16,-3 3 0 0,4 0-1 0,-4 0 0 0,3 0 0 15,-3 0 0-15,0 3-1 0,4 0 0 16,-4 3 0-16,0 0 0 0,0 4 9 0,0 2 2 15,0 1 0-15,3-1 0 0,-3 7-16 0,0-4-4 16,0 1 0-16,0 9 0 0,0 0-17 0,0 0-4 16,0 0-1-16,0 0 0 0,0 0 2 0,0 0 1 0,-3 6 0 0,-4 4 0 15,3 2 3 1,-3 7 0-16,0 6 0 0,-3 3 0 0,3 0 0 0,-4 7 1 16,0-1 0-16,1 1 0 0,-1 3 5 0,1 2 1 15,-1-2 0-15,0 0 0 0,1-4-31 16,-1 1-12-16,4-1 1 15,0-6 0-15,0-3 11 0,0-6 0 0,0 3 0 0,4-6 0 16,-1-4 25-16,0-2 7 0,1-1 2 16,-4-3 0-16,7-6 7 0,0 0 2 0,0 0 0 15,0 0 0-15,-4-6-2 0,4-13 41 16,0 7-41-16,4-10-17 16,-1 3-3-16,1-3-1 0,-4-3 0 0,7 0-12 15,-3 0-8-15,3-3 10 0,0 3-10 16,0-4 14-16,0 1-3 0,0-3-1 15,0 3 0-15,3-4-10 16,1 4 0-16,3 0-12 0,-3-4 12 0,-1-2-32 0,1 6 2 16,3 3 0-16,-3 3 0 0,-4 0 14 0,3 3 2 15,-3 0 1-15,0 7 0 0,-3 2 25 16,3 1 6-16,-4 2 1 0,1 1 0 0,-4 6 9 16,0-3 1-16,0 3 1 0,0 0 0 0,0 0-9 15,0 0-1-15,0 0-1 0,0 0 0 0,0 0-11 0,0 0-8 0,3 3 9 0,1 7-9 0,0-4 0 16,3 3 0-16,-4 4 0 0,1-4 0 0,3 1-12 0,0-1-1 15,0 0-1-15,0 1 0 16,3 2 14-16,1 1-11 0,0-1 11 0,-1 1-10 16,1 0 10-16,3-1-10 0,0 1 10 0,0-1-10 0,0 1 10 15,4 2 0-15,-1 1 0 0,1 0 0 16,0-1 0-16,-1 4 0 0,1-3 0 0,0 3-8 0,-1 0-6 0,1-1-1 16,-4 1 0-16,0 0 0 0,0 0 2 0,0-4 0 0,-3 4 0 0,0-6 0 15,-1-1 13-15,-3 1 0 0,4-7 12 16,-4 4-12-16,-4-7 32 0,1 3-1 0,3-6 0 15,-7 0 0-15,0 0 1 16,0 0 0-16,0 0 0 0,0 0 0 0,0 0-9 0,0 0-2 16,0 0 0-16,0 0 0 0,0 0-9 0,-7-3-3 15,0-3 0-15,0-4 0 0,-4 4-9 0,4-4 0 0,-3 1 0 0,-5 0 8 0,5-1-8 0,-4-2 0 0,0-1 9 0,0 1-9 16,-1-1 0-16,-2-6 9 0,3 4-9 0,0-4 0 16,-4-3 8-1,0 0-8-15,1 0 0 0,3 0 0 16,-1-3 0-16,1 0 0 0,-3-3 0 15,3-1 0-15,-1 4 0 0,-2 0 0 16,3 3 10-16,0 0-10 0,3 0 0 16,0 4 0-16,-3-1-14 0,4 3 5 0,3 4 9 0,-4-1 0 0,4 0 0 15,-4 4 0-15,8 0 0 0,-4 2 0 0,3 1 0 16,-3 0 0-16,7 3 0 0,0 3 0 0,0 0-10 0,0 0 10 16,0 0-24-16,0 0 1 0,-3 3 1 0,-1 3 0 0,1 7-22 15,-1-1-4-15,4 7 0 0,0 0-1 16,0 6 21-16,0 0 5 0,0 6 1 0,0-2 0 15,0 5 7-15,0 4 2 0,0-1 0 0,-3-2 0 16,-1 2 5-16,1-2 8 0,-1-1-13 0,1-2 5 0,-5-4 8 0,1 0-12 16,0-3 12-16,0-3-12 0,4 0 32 0,-11 13 35 15,7-17-27 1,-4-2 1-16,4 0 1 0,0 0 0 16,0-4 0-16,0 4-20 0,0-4-10 0,3 4 10 15,-3 0-10-15,0-4 0 16,4 4 0-16,-4 0 0 0,3-4 0 0,1 4-17 15,3-1 3-15,0-2 1 0,0-4 0 0,0 4 1 0,3-4 1 0,4 1 0 16,-3-4 0-16,3 0 11 0,0 1-8 0,3-1 8 0,4-3-8 0,1-3 8 16,-1 0 8-16,3 0-8 0,1-3 11 0,0 0-11 0,-1 0 12 15,1-4-12-15,-1 1 12 16,5 0-12-16,-1-1 10 0,0 1-10 16,4-3 10-16,-1 3-10 0,1-4 0 0,0 4 0 15,-1 0 8-15,1 2-8 0,0 1 0 0,-1 0 0 0,1 0 0 16,-4 0-9-16,1 0 9 15,-1 0-12-15,-4 3 12 0,1-4-12 16,-4 1 4-16,-3 0 8 0,3 0-13 16,-4 3 13-1,-3-3 0-15,0 3 0 0,0 0 0 0,-7 0 0 0,0 0 12 0,0 0-1 0,0 0 0 0,0 0 5 16,0 0 0-16,0 0 1 0,0 0 0 0,-10 0-1 0,-1 0 0 0,-3 0 0 16,0 0 0-16,-7 0-16 0,0 0-14 0,-4 0 2 15,0 3 1-15,-3-3 11 0,-4 3 0 0,1-3 0 16,-1 3 0-16,4 0 9 0,-4-3 1 0,0 7 0 0,4-4 0 15,3 0 4-15,-3 3 1 0,3 1 0 0,4-1 0 16,0 0-7-16,0-3-8 0,3 4 11 16,4-1-11-16,0 0 0 0,3 0-9 0,1-3-1 0,-1 1 0 15,4 2-2-15,0-3 0 0,4 0 0 0,3-3 0 0,0 3 12 0,3 0-8 0,1 4 8 0,3-4-8 16,0 0-8-16,3 0-2 0,1 0 0 0,3 0 0 16,4 0 2-16,-1 1 1 0,1-1 0 0,0-3 0 0,3 3 15 0,-4-3-11 15,5 0 11-15,-1 0-10 16,-4 0 10-16,5 3 16 0,2-3-4 0,-6 0-1 15,3 3-11-15,0-3 0 0,4 0 0 0,0 3 0 0,-4-3 0 0,3 0 0 16,-2 3 0-16,-1 1 0 0,0-4-16 0,-3 3 0 16,-1-3 1-16,1 3 0 0,-4-3 15 0,0 0-11 15,-3 3 11-15,-1-3-10 0,1 0 10 0,-4 0-8 16,0 0 8-16,0 3-8 0,0 0 8 0,-7-3 8 0,0 0-8 0,0 0 11 16,0 0 1-16,0 0 1 0,0 0 0 0,0 0 0 0,0 0 2 0,0 0 0 0,0 0 0 0,0 0 0 15,0 0-15-15,0 0 11 0,0 0-11 0,-11 0 10 0,4 0-10 0,0 0 0 0,0 0 0 16,-3-3 0-16,3 3 0 0,-4-3 0 0,1 3 0 15,-1-3 0-15,-3-3 0 0,0 2 0 16,0 1 0-16,0-3 0 0,-4 3 0 0,4-3 0 0,-4-1 8 0,4 1-8 16,0 0 12-1,-4 0-2-15,8-4-1 0,-4 4 0 16,3 0-9-16,0-4 0 0,4 1 0 0,0-1 0 0,-3 4 0 16,6-3 8-16,1-1-8 0,-1 1 8 15,1 3-8-15,-1-4 0 0,4 4-12 0,0-3 12 0,4 5-10 0,-1-2 10 16,1 0 0-16,3 0-9 0,0 2-5 0,3-2-1 0,4 6 0 15,-3-3 0-15,3 3-9 0,0 3-1 0,4 0-1 0,0 0 0 16,3 4 10-16,0-4 1 0,-3 3 1 16,3 0 0-16,0 4 14 15,-4-4 0-15,5-3 0 16,-5 3 0-16,1 1 0 0,-4-1 12 16,0-3-4-1,0 0-8-15,0 0 17 0,-3-3-3 0,0 0-1 16,-1 0 0-16,-3 0 11 0,0-3 3 0,-3 0 0 15,-4 3 0-15,0 0-4 0,0 0-1 0,0 0 0 0,0-6 0 0,0 0-6 0,-4-4-2 0,1 1 0 16,-8 3 0-16,1-4-14 0,-1 1 0 0,0-4 8 0,-3 4-8 0,0-1 8 16,0-2 0-16,0 2-8 0,0-2 12 0,0-1 4 0,-4 1 1 15,4-1 0-15,0-2 0 0,0 2-9 0,0 0-8 0,3-5 12 16,-3 2-12-16,3 3 0 0,1-2 0 0,-4-1-15 16,3 4 5-16,4-1 0 0,-4-3 0 0,1 7 0 0,-1-4 0 0,4 7 10 0,4-3 0 15,-4 2 0 1,7 7 8-16,0 0-19 0,0 0-3 0,0 0-1 0,0 0 0 0,7 4-11 15,3 2-2-15,1 6-1 0,-1 1 0 0,5-1 5 0,-1 7 0 16,0 3 1-16,3 3 0 16,1-3 10-16,0 3 1 0,3 0 1 15,-4 4 0-15,1-7-2 0,0 3-1 0,-1-3 0 0,1-4 0 16,0 1 6-16,-4-6 8 0,0 2-13 0,-4-5 5 0,1-1 28 16,0-2 5-16,-4-1 2 0,0 0 0 0,0-3-15 0,-4 0-4 15,-3-3 0-15,0 0 0 0,0 0 16 0,0 0 4 0,0-9 0 0,-3 0 0 16,-4-1 0-16,3-2 0 0,-6-1 0 0,-1-3 0 15,4 1-20-15,-7-4-8 0,0 0 8 0,0 0-8 16,0-3 12-16,-4 0-4 0,-3 0 0 16,0 0 0-16,-1-3-8 0,1 3 0 0,-3-3 0 0,2 3 0 0,-2 0 0 15,-1 1 8-15,4-5-8 0,-4 4 8 0,4 4-8 0,0-4 0 16,3 0-12-16,1 3 12 0,2 0-12 0,-2 0 12 16,6 1-10-16,-3-1 10 0,4 0-8 0,-1 0 8 0,0 0 0 15,4 4-9-15,-3-1 9 0,3 3-8 0,0 1 8 0,0-1-8 16,0 4 8-16,3-1-12 0,0 4 12 15,-3 0-12-15,4 3 12 0,3-3-10 0,0 6 10 0,0 0-10 16,0 0-9-16,0 0-1 0,-7-4-1 0,7 4 0 16,0 0-1-16,0 0 0 15,0 0 0-15,0 0 0 16,0 0 2-16,0 0 1 0,0 0 0 0,0 0 0 16,0 7 5-16,3-1 1 0,-3 3 0 0,4 7 0 0,-1 6 1 15,1 3 1-15,-1 3 0 0,-3 4 0 0,4 5 11 0,0 1-8 0,-4 0 8 0,0 2-8 16,0 1 8-16,-4 0-10 0,0 3 10 0,4-4-10 15,-7 1-1-15,4-6 0 0,-1-4 0 0,1-3 0 16,-1-3 11 0,-3-6 11-16,4-3-3 0,-1-4 0 0,1-2 31 0,-1-1 5 0,1-3 2 0,-1 1 0 15,4-7-10-15,0 0-3 16,0 0 0-16,0 0 0 0,0 0-19 0,0 0-4 0,-3-10-1 0,-1 1 0 0,8 0-18 16,-4-1-4-16,3 1-1 15,4-4 0-15,-3 1-8 0,3-1-2 0,3-6 0 0,-3 0 0 0,4 4 7 0,-4-1 1 16,4 0 0-16,-1 1 0 0,1 2 16 15,-1-2-12-15,1 2 12 16,-1 4-10-16,-2-1 22 0,2 1 5 0,-3-1 1 0,0 4 0 16,0 0-6-16,0 3 0 0,-3-4-1 0,-1 4 0 15,4 0-3-15,-7 3 0 0,0 0 0 16,0 0 0-16,0 0 1 0,0 0 0 0,0 0 0 0,0 6 0 0,0 4-1 0,0-1 0 16,-3 1 0-16,-4 5 0 0,3 1 7 15,1 0 1-15,-1 2 0 0,1 1 0 16,-1 0-16-16,1 0 0 15,-1 0-9-15,4 0 9 0,0-4-15 0,0 1 3 16,0-4 1-16,0-2 0 0,4-1 2 16,-4-2 0-16,7-4 0 0,0 0 0 0,0-3 9 0,0-3 0 0,4 0 0 15,3-1 8-15,0-2 4 0,0-3 0 0,3-4 1 0,1 4 0 0,0-1-5 16,-1-2-8-16,-3 2 11 0,4-2-11 0,-4-1 14 0,4 1-4 16,0 2-1-16,-4 1 0 0,3 0-1 0,-3 2-8 15,-3 1 12 1,0 0-4-16,3 6-8 0,-4 0 0 0,1 0 9 0,-1 6-9 0,-3-3 0 15,0 7-13-15,1 2 1 0,-1 1 1 16,0 2-1-16,-4 4-1 0,4 0 0 0,0 0 0 16,0 3-23-16,0-3-4 0,0 2 0 15,4-2-993-15</inkml:trace>
  <inkml:trace contextRef="#ctx0" brushRef="#br0" timeOffset="6567.33">31993 15596 1357 0,'-7'-10'29'0,"0"1"7"0,-4-1 0 0,1-2 4 0,2-1-32 0,-2-2-8 0,3-1 0 0,-4 0 0 0,1 1 21 15,-1-1 3-15,-3 0 1 0,0 1 0 0,0 2 13 0,0-3 2 16,0 4 1-16,-4-1 0 16,4 4-25-16,-4-1-4 0,-3 1-2 0,3 0 0 0,1-1 29 0,3 1 5 15,-4-1 2-15,0 1 0 0,8 3-46 0,-1 0 0 16,1-4 0-16,-1 1-13 0,0-1-4 0,4 1-1 0,0 6 0 16,4-4 0-1,-4 1 38-15,7 6 8 0,0 0 2 0,0-6 0 0,0 6 16 0,0-6 3 0,0 6 1 0,3-7 0 16,4 1-27-16,4 0-6 15,-1 3-1-15,5-7 0 16,-1 4-8-16,3 0-8 0,4 0 9 0,4-1-9 0,0 1 0 0,7 0 0 16,-4-4 0-16,7 1 0 0,-3-1-26 15,0 1 2-15,-1 0 0 0,1-1 0 16,-4 1-13-16,1-1-3 16,-5 1 0-16,1 3 0 0,-7-1 24 15,-1 1 5-15,1 0 1 0,-4 0 0 0,-3-1 0 16,-1 4 0-16,-3 3 0 0,0-3 0 15,-7 3 36-15,0 0 7 0,0 0 2 0,0 0 0 0,-7 3 41 0,0 4 8 16,-7-4 1-16,0 3 1 0,0 0-53 0,-7 4-10 16,-1-4-3-16,-6 3 0 0,0 4-7 15,0-1-1-15,-7 1-1 0,3-1 0 0,-4 4 11 0,5 0 2 0,-1 0 1 16,4-1 0-16,0 1-5 0,3 0 0 0,4-1-1 16,0 1 0-16,3-4-36 15,4 1-7-15,0-4-2 0,3 4 0 16,1-7-42-16,2 0-8 15,1 1-1-15,4-4-1 0,3-3-60 0,0 0-12 16,0 0-2-16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Tx/>
              <a:buChar char="-"/>
            </a:pPr>
            <a:r>
              <a:rPr lang="en-US" dirty="0"/>
              <a:t>Too deep too fast</a:t>
            </a:r>
          </a:p>
          <a:p>
            <a:pPr marL="171450" indent="-171450">
              <a:buFontTx/>
              <a:buChar char="-"/>
            </a:pPr>
            <a:r>
              <a:rPr lang="en-US" dirty="0"/>
              <a:t>Cut out a lot of content</a:t>
            </a:r>
          </a:p>
          <a:p>
            <a:pPr marL="171450" indent="-171450">
              <a:buFontTx/>
              <a:buChar char="-"/>
            </a:pPr>
            <a:r>
              <a:rPr lang="en-US" dirty="0"/>
              <a:t>What are we trying to achieve with the presentation</a:t>
            </a:r>
          </a:p>
          <a:p>
            <a:pPr marL="171450" indent="-171450">
              <a:buFontTx/>
              <a:buChar char="-"/>
            </a:pPr>
            <a:r>
              <a:rPr lang="en-US" dirty="0"/>
              <a:t>Latex </a:t>
            </a:r>
            <a:r>
              <a:rPr lang="en-US" dirty="0" err="1"/>
              <a:t>plotssssss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751291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Tx/>
              <a:buChar char="-"/>
            </a:pPr>
            <a:r>
              <a:rPr lang="en-US" dirty="0"/>
              <a:t>Need a model </a:t>
            </a:r>
          </a:p>
          <a:p>
            <a:pPr marL="171450" indent="-171450">
              <a:buFontTx/>
              <a:buChar char="-"/>
            </a:pPr>
            <a:r>
              <a:rPr lang="en-US" dirty="0"/>
              <a:t>A way to adapt the model </a:t>
            </a:r>
          </a:p>
          <a:p>
            <a:pPr marL="628650" lvl="1" indent="-171450">
              <a:buFontTx/>
              <a:buChar char="-"/>
            </a:pPr>
            <a:r>
              <a:rPr lang="en-US" dirty="0"/>
              <a:t>Computation of the gradients and the energies</a:t>
            </a:r>
          </a:p>
          <a:p>
            <a:pPr marL="628650" lvl="1" indent="-171450">
              <a:buFontTx/>
              <a:buChar char="-"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396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Tx/>
              <a:buChar char="-"/>
            </a:pPr>
            <a:r>
              <a:rPr lang="en-US" dirty="0"/>
              <a:t>Permutation </a:t>
            </a:r>
            <a:r>
              <a:rPr lang="en-US" dirty="0" err="1"/>
              <a:t>eqv</a:t>
            </a:r>
            <a:r>
              <a:rPr lang="en-US" dirty="0"/>
              <a:t> functions important for </a:t>
            </a:r>
            <a:r>
              <a:rPr lang="en-US" dirty="0" err="1"/>
              <a:t>antisymmetry</a:t>
            </a:r>
            <a:endParaRPr lang="en-US" dirty="0"/>
          </a:p>
          <a:p>
            <a:pPr marL="171450" indent="-171450">
              <a:buFontTx/>
              <a:buChar char="-"/>
            </a:pPr>
            <a:r>
              <a:rPr lang="en-US" dirty="0"/>
              <a:t>Will focus on the non periodic parts of the networ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3792007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2534224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ca9f389-e808-4e27-8273-94e97126368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023740c4-7e55-4f22-be66-d4ee5a350266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3 September 2021</a:t>
            </a:r>
          </a:p>
        </p:txBody>
      </p:sp>
      <p:sp>
        <p:nvSpPr>
          <p:cNvPr id="7" name="text" descr="{&quot;templafy&quot;:{&quot;id&quot;:&quot;54d0d1d5-a2b8-49a7-a7bd-126b79ab913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8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1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7" Type="http://schemas.openxmlformats.org/officeDocument/2006/relationships/image" Target="../media/image18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Relationship Id="rId6" Type="http://schemas.openxmlformats.org/officeDocument/2006/relationships/customXml" Target="../ink/ink1.xml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3.png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1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3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1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3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hyperlink" Target="https://science.sciencemag.org/content/355/6325/602.full" TargetMode="External"/><Relationship Id="rId2" Type="http://schemas.openxmlformats.org/officeDocument/2006/relationships/hyperlink" Target="https://www.nature.com/articles/s41557-020-0544-y" TargetMode="External"/><Relationship Id="rId1" Type="http://schemas.openxmlformats.org/officeDocument/2006/relationships/slideLayout" Target="../slideLayouts/slideLayout3.xml"/><Relationship Id="rId4" Type="http://schemas.openxmlformats.org/officeDocument/2006/relationships/hyperlink" Target="https://aip.scitation.org/doi/10.1063/1.5019779" TargetMode="Externa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2A45C41-C10A-447A-8A14-E0622B4684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0630" y="48136"/>
            <a:ext cx="9312374" cy="972716"/>
          </a:xfrm>
        </p:spPr>
        <p:txBody>
          <a:bodyPr/>
          <a:lstStyle/>
          <a:p>
            <a:r>
              <a:rPr lang="en-US" dirty="0"/>
              <a:t>Minimum image conven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99C0926-8D9A-4B40-8EC5-A274D108663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AD343A3B-55D3-49A9-8A6B-05605979D3D0}"/>
              </a:ext>
            </a:extLst>
          </p:cNvPr>
          <p:cNvCxnSpPr/>
          <p:nvPr/>
        </p:nvCxnSpPr>
        <p:spPr bwMode="auto">
          <a:xfrm>
            <a:off x="3574926" y="3604737"/>
            <a:ext cx="0" cy="52628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80043AB-59CA-42A9-879E-CACB7360F7BA}"/>
              </a:ext>
            </a:extLst>
          </p:cNvPr>
          <p:cNvSpPr/>
          <p:nvPr/>
        </p:nvSpPr>
        <p:spPr bwMode="auto">
          <a:xfrm>
            <a:off x="2710830" y="3233680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C5FAE88A-0FA8-4320-9D3B-7A0EC67C6B59}"/>
              </a:ext>
            </a:extLst>
          </p:cNvPr>
          <p:cNvSpPr/>
          <p:nvPr/>
        </p:nvSpPr>
        <p:spPr bwMode="auto">
          <a:xfrm>
            <a:off x="4212727" y="3236707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6D524E17-D0E0-4F59-9E60-BE8AF7DD87D5}"/>
              </a:ext>
            </a:extLst>
          </p:cNvPr>
          <p:cNvCxnSpPr>
            <a:endCxn id="11" idx="6"/>
          </p:cNvCxnSpPr>
          <p:nvPr/>
        </p:nvCxnSpPr>
        <p:spPr bwMode="auto">
          <a:xfrm flipH="1">
            <a:off x="2854846" y="3305688"/>
            <a:ext cx="98670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32" name="Group 31">
            <a:extLst>
              <a:ext uri="{FF2B5EF4-FFF2-40B4-BE49-F238E27FC236}">
                <a16:creationId xmlns:a16="http://schemas.microsoft.com/office/drawing/2014/main" id="{6A5C94C1-1BF7-49A2-ABEA-69FD157897EA}"/>
              </a:ext>
            </a:extLst>
          </p:cNvPr>
          <p:cNvGrpSpPr/>
          <p:nvPr/>
        </p:nvGrpSpPr>
        <p:grpSpPr>
          <a:xfrm>
            <a:off x="3734838" y="3204252"/>
            <a:ext cx="166298" cy="166298"/>
            <a:chOff x="4921380" y="2239318"/>
            <a:chExt cx="360040" cy="360040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E03AEE64-8BF1-4223-BD28-4A4996BAA51E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B5DAEB8D-2CCA-4006-BF23-AF810DF9349E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D7B60CE0-8AE3-4246-9707-E714B8AEE7E0}"/>
              </a:ext>
            </a:extLst>
          </p:cNvPr>
          <p:cNvCxnSpPr/>
          <p:nvPr/>
        </p:nvCxnSpPr>
        <p:spPr bwMode="auto">
          <a:xfrm>
            <a:off x="2854846" y="3529702"/>
            <a:ext cx="1440160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14625893-96C2-4F2F-A6AC-BCB645FD208F}"/>
              </a:ext>
            </a:extLst>
          </p:cNvPr>
          <p:cNvCxnSpPr/>
          <p:nvPr/>
        </p:nvCxnSpPr>
        <p:spPr bwMode="auto">
          <a:xfrm>
            <a:off x="2134766" y="3529702"/>
            <a:ext cx="3024336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2" name="Oval 51">
            <a:extLst>
              <a:ext uri="{FF2B5EF4-FFF2-40B4-BE49-F238E27FC236}">
                <a16:creationId xmlns:a16="http://schemas.microsoft.com/office/drawing/2014/main" id="{5A3DB758-16BC-4E2F-9B68-7266794AE557}"/>
              </a:ext>
            </a:extLst>
          </p:cNvPr>
          <p:cNvSpPr/>
          <p:nvPr/>
        </p:nvSpPr>
        <p:spPr bwMode="auto">
          <a:xfrm>
            <a:off x="2710830" y="4213098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3" name="Oval 52">
            <a:extLst>
              <a:ext uri="{FF2B5EF4-FFF2-40B4-BE49-F238E27FC236}">
                <a16:creationId xmlns:a16="http://schemas.microsoft.com/office/drawing/2014/main" id="{A75CAC67-E7FF-4270-93F1-06EC5A14F150}"/>
              </a:ext>
            </a:extLst>
          </p:cNvPr>
          <p:cNvSpPr/>
          <p:nvPr/>
        </p:nvSpPr>
        <p:spPr bwMode="auto">
          <a:xfrm>
            <a:off x="4212727" y="4216125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8D90CD55-40D4-4BED-A2AF-DE6F4CE007A8}"/>
              </a:ext>
            </a:extLst>
          </p:cNvPr>
          <p:cNvCxnSpPr>
            <a:endCxn id="53" idx="2"/>
          </p:cNvCxnSpPr>
          <p:nvPr/>
        </p:nvCxnSpPr>
        <p:spPr bwMode="auto">
          <a:xfrm>
            <a:off x="3841546" y="4285105"/>
            <a:ext cx="371181" cy="30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55" name="Group 54">
            <a:extLst>
              <a:ext uri="{FF2B5EF4-FFF2-40B4-BE49-F238E27FC236}">
                <a16:creationId xmlns:a16="http://schemas.microsoft.com/office/drawing/2014/main" id="{21C4C584-FD94-4FA7-B925-D5FEA7F79127}"/>
              </a:ext>
            </a:extLst>
          </p:cNvPr>
          <p:cNvGrpSpPr/>
          <p:nvPr/>
        </p:nvGrpSpPr>
        <p:grpSpPr>
          <a:xfrm>
            <a:off x="3758397" y="4190816"/>
            <a:ext cx="166298" cy="166298"/>
            <a:chOff x="4921380" y="2239318"/>
            <a:chExt cx="360040" cy="360040"/>
          </a:xfrm>
        </p:grpSpPr>
        <p:cxnSp>
          <p:nvCxnSpPr>
            <p:cNvPr id="56" name="Straight Connector 55">
              <a:extLst>
                <a:ext uri="{FF2B5EF4-FFF2-40B4-BE49-F238E27FC236}">
                  <a16:creationId xmlns:a16="http://schemas.microsoft.com/office/drawing/2014/main" id="{B90EBC15-1A08-4F27-8AD8-82105B95C0B1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7" name="Straight Connector 56">
              <a:extLst>
                <a:ext uri="{FF2B5EF4-FFF2-40B4-BE49-F238E27FC236}">
                  <a16:creationId xmlns:a16="http://schemas.microsoft.com/office/drawing/2014/main" id="{586A3155-8E8D-4B3D-93B4-5259C20E81C3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2E825930-288E-4476-A17C-922AB8EB4BFB}"/>
              </a:ext>
            </a:extLst>
          </p:cNvPr>
          <p:cNvCxnSpPr/>
          <p:nvPr/>
        </p:nvCxnSpPr>
        <p:spPr bwMode="auto">
          <a:xfrm>
            <a:off x="2854846" y="4509120"/>
            <a:ext cx="1440160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BD43B6E9-86C0-42BC-9581-2D9CAB7FB8EF}"/>
              </a:ext>
            </a:extLst>
          </p:cNvPr>
          <p:cNvCxnSpPr/>
          <p:nvPr/>
        </p:nvCxnSpPr>
        <p:spPr bwMode="auto">
          <a:xfrm>
            <a:off x="2134766" y="4509120"/>
            <a:ext cx="3024336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BB43EBCC-6CA2-4100-B05F-EE70483A01E7}"/>
              </a:ext>
            </a:extLst>
          </p:cNvPr>
          <p:cNvCxnSpPr>
            <a:stCxn id="29" idx="2"/>
          </p:cNvCxnSpPr>
          <p:nvPr/>
        </p:nvCxnSpPr>
        <p:spPr bwMode="auto">
          <a:xfrm>
            <a:off x="2271137" y="2287397"/>
            <a:ext cx="396044" cy="88877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30EE7ED9-B1EE-486E-9C2A-1202693C0637}"/>
              </a:ext>
            </a:extLst>
          </p:cNvPr>
          <p:cNvCxnSpPr/>
          <p:nvPr/>
        </p:nvCxnSpPr>
        <p:spPr bwMode="auto">
          <a:xfrm flipH="1">
            <a:off x="4333960" y="2470263"/>
            <a:ext cx="864097" cy="74443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4A76F710-8C88-4F87-B377-029E3D9D7683}"/>
              </a:ext>
            </a:extLst>
          </p:cNvPr>
          <p:cNvSpPr txBox="1"/>
          <p:nvPr/>
        </p:nvSpPr>
        <p:spPr>
          <a:xfrm>
            <a:off x="1252428" y="2041176"/>
            <a:ext cx="203741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Simulation cell particle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6FE1A3A3-4FFC-4A6E-B940-654A56A62998}"/>
              </a:ext>
            </a:extLst>
          </p:cNvPr>
          <p:cNvSpPr txBox="1"/>
          <p:nvPr/>
        </p:nvSpPr>
        <p:spPr>
          <a:xfrm>
            <a:off x="4225949" y="2176103"/>
            <a:ext cx="165269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mage cell particle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E49B625-36D8-4C4F-81E3-B0A306A0295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882365" y="1927317"/>
            <a:ext cx="4436939" cy="32047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414502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2AB06BB-97B7-4A3A-A489-C3B936E6B6D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60648"/>
            <a:ext cx="9312374" cy="972716"/>
          </a:xfrm>
        </p:spPr>
        <p:txBody>
          <a:bodyPr/>
          <a:lstStyle/>
          <a:p>
            <a:r>
              <a:rPr lang="en-US" dirty="0"/>
              <a:t>Periodic adjustments: Inpu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5C2304-0E40-4466-86C3-4E2BDD61D24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2558" y="1682125"/>
            <a:ext cx="1368152" cy="4545578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Previou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2CBC830-46F6-4C9E-9948-76B52F6C8DE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A3BF2F69-5A52-46F5-981A-8EE429904B0C}"/>
              </a:ext>
            </a:extLst>
          </p:cNvPr>
          <p:cNvSpPr txBox="1">
            <a:spLocks/>
          </p:cNvSpPr>
          <p:nvPr/>
        </p:nvSpPr>
        <p:spPr bwMode="auto">
          <a:xfrm>
            <a:off x="4944319" y="1682125"/>
            <a:ext cx="7272808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US" kern="0" dirty="0"/>
              <a:t>New</a:t>
            </a:r>
          </a:p>
          <a:p>
            <a:pPr>
              <a:buFontTx/>
              <a:buChar char="-"/>
            </a:pPr>
            <a:r>
              <a:rPr lang="en-US" kern="0" dirty="0"/>
              <a:t>Minimum image convention (interacting with closest image particle)</a:t>
            </a:r>
          </a:p>
          <a:p>
            <a:pPr>
              <a:buFontTx/>
              <a:buChar char="-"/>
            </a:pPr>
            <a:r>
              <a:rPr lang="en-US" kern="0" dirty="0"/>
              <a:t>Periodic boundaries</a:t>
            </a:r>
          </a:p>
          <a:p>
            <a:pPr>
              <a:buFontTx/>
              <a:buChar char="-"/>
            </a:pPr>
            <a:r>
              <a:rPr lang="en-US" kern="0" dirty="0"/>
              <a:t>Smoothing function and removal of sign information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5742E3C-2D57-465E-BE3D-429632F94A3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4566" y="3284984"/>
            <a:ext cx="4308857" cy="311314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C63CE262-D71B-4AAC-A018-4ECECD72ED2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23198" y="3169255"/>
            <a:ext cx="4491386" cy="31964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56458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272E74-A087-48A4-9350-0EF6BF7444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214886" y="-187157"/>
            <a:ext cx="9312374" cy="972716"/>
          </a:xfrm>
        </p:spPr>
        <p:txBody>
          <a:bodyPr/>
          <a:lstStyle/>
          <a:p>
            <a:r>
              <a:rPr lang="en-US" dirty="0"/>
              <a:t>Periodic adjustments: Input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03985D7-897B-49BC-B4B7-C312809D4B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EC492FF9-ECA6-4120-BF48-D6B8F5BF49C7}"/>
              </a:ext>
            </a:extLst>
          </p:cNvPr>
          <p:cNvSpPr txBox="1">
            <a:spLocks/>
          </p:cNvSpPr>
          <p:nvPr/>
        </p:nvSpPr>
        <p:spPr bwMode="auto">
          <a:xfrm>
            <a:off x="1090650" y="1340768"/>
            <a:ext cx="3708412" cy="360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US" kern="0" dirty="0"/>
              <a:t>Previous</a:t>
            </a:r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4433289-23A2-4003-BF91-1B92367BF9D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78698" y="2879177"/>
            <a:ext cx="4322503" cy="1099645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267E2052-0960-409F-BA73-4CC8E175E28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89212" y="2234531"/>
            <a:ext cx="2416208" cy="1371361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CC8B2B09-EDE4-45C7-B045-06C27C2A3FA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031310" y="3717032"/>
            <a:ext cx="3012577" cy="157178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7577F1BC-DD15-4CBB-8083-9F3EBEB8DBD1}"/>
              </a:ext>
            </a:extLst>
          </p:cNvPr>
          <p:cNvSpPr txBox="1"/>
          <p:nvPr/>
        </p:nvSpPr>
        <p:spPr>
          <a:xfrm>
            <a:off x="6093262" y="1340768"/>
            <a:ext cx="626449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FontTx/>
              <a:buNone/>
            </a:pPr>
            <a:r>
              <a:rPr lang="en-US" kern="0" dirty="0"/>
              <a:t>New</a:t>
            </a:r>
          </a:p>
        </p:txBody>
      </p:sp>
    </p:spTree>
    <p:extLst>
      <p:ext uri="{BB962C8B-B14F-4D97-AF65-F5344CB8AC3E}">
        <p14:creationId xmlns:p14="http://schemas.microsoft.com/office/powerpoint/2010/main" val="151304591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70340B-CCEB-40D9-BDF3-38A05B32E34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A8188C8-5C2D-48AA-8148-FC39889E6C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dirty="0"/>
              <a:t>Periodic adjustments: Anisotropic Orbitals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48181586-CDFF-4594-A639-8D4D8485472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2558" y="1682125"/>
            <a:ext cx="1368152" cy="4545578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Previous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E4CBFA59-0D5C-4C99-A8E0-465CBB7918B9}"/>
              </a:ext>
            </a:extLst>
          </p:cNvPr>
          <p:cNvSpPr txBox="1">
            <a:spLocks/>
          </p:cNvSpPr>
          <p:nvPr/>
        </p:nvSpPr>
        <p:spPr bwMode="auto">
          <a:xfrm>
            <a:off x="4893159" y="1682125"/>
            <a:ext cx="7272808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US" kern="0" dirty="0"/>
              <a:t>New</a:t>
            </a:r>
          </a:p>
          <a:p>
            <a:pPr>
              <a:buFontTx/>
              <a:buChar char="-"/>
            </a:pPr>
            <a:r>
              <a:rPr lang="en-US" kern="0" dirty="0"/>
              <a:t>Periodic boundaries with spline</a:t>
            </a:r>
          </a:p>
          <a:p>
            <a:pPr>
              <a:buFontTx/>
              <a:buChar char="-"/>
            </a:pPr>
            <a:r>
              <a:rPr lang="en-US" kern="0" dirty="0"/>
              <a:t>Smoothing function and removal of sign information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9C1F2C95-5C6D-4CB7-ACB8-FC8D0B74029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8582" y="3140968"/>
            <a:ext cx="4092578" cy="2983422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08932ED1-D4AF-42B9-A06E-93BFB549573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951190" y="3068960"/>
            <a:ext cx="4372307" cy="32476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514758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70340B-CCEB-40D9-BDF3-38A05B32E34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2A8188C8-5C2D-48AA-8148-FC39889E6C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dirty="0"/>
              <a:t>Periodic adjustments: Anisotropic Orbitals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48181586-CDFF-4594-A639-8D4D8485472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2558" y="1682125"/>
            <a:ext cx="1368152" cy="4545578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Previous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E4CBFA59-0D5C-4C99-A8E0-465CBB7918B9}"/>
              </a:ext>
            </a:extLst>
          </p:cNvPr>
          <p:cNvSpPr txBox="1">
            <a:spLocks/>
          </p:cNvSpPr>
          <p:nvPr/>
        </p:nvSpPr>
        <p:spPr bwMode="auto">
          <a:xfrm>
            <a:off x="6095205" y="1682125"/>
            <a:ext cx="6121921" cy="390711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US" kern="0" dirty="0"/>
              <a:t>New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685B55F9-2999-4134-BFB7-586B4327803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251" y="2285646"/>
            <a:ext cx="4700803" cy="1169354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98E386FE-6A4A-4D8B-A9C3-EE2D5D24F4C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91150" y="4099441"/>
            <a:ext cx="6080474" cy="2003987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20E49B56-BE18-4EAB-B4E5-931661150EF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67214" y="2076225"/>
            <a:ext cx="5239279" cy="1451324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6752BE38-D95B-4157-8F7D-5146D89B996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91234" y="3456826"/>
            <a:ext cx="5239279" cy="642615"/>
          </a:xfrm>
          <a:prstGeom prst="rect">
            <a:avLst/>
          </a:prstGeom>
        </p:spPr>
      </p:pic>
      <mc:AlternateContent xmlns:mc="http://schemas.openxmlformats.org/markup-compatibility/2006">
        <mc:Choice xmlns:p14="http://schemas.microsoft.com/office/powerpoint/2010/main" Requires="p14">
          <p:contentPart p14:bwMode="auto" r:id="rId6">
            <p14:nvContentPartPr>
              <p14:cNvPr id="2" name="Ink 1">
                <a:extLst>
                  <a:ext uri="{FF2B5EF4-FFF2-40B4-BE49-F238E27FC236}">
                    <a16:creationId xmlns:a16="http://schemas.microsoft.com/office/drawing/2014/main" id="{CCD3A681-D901-4FCF-A4B4-2A094264AC6F}"/>
                  </a:ext>
                </a:extLst>
              </p14:cNvPr>
              <p14:cNvContentPartPr/>
              <p14:nvPr/>
            </p14:nvContentPartPr>
            <p14:xfrm>
              <a:off x="11311560" y="4290480"/>
              <a:ext cx="277200" cy="1510560"/>
            </p14:xfrm>
          </p:contentPart>
        </mc:Choice>
        <mc:Fallback>
          <p:pic>
            <p:nvPicPr>
              <p:cNvPr id="2" name="Ink 1">
                <a:extLst>
                  <a:ext uri="{FF2B5EF4-FFF2-40B4-BE49-F238E27FC236}">
                    <a16:creationId xmlns:a16="http://schemas.microsoft.com/office/drawing/2014/main" id="{CCD3A681-D901-4FCF-A4B4-2A094264AC6F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11302200" y="4281120"/>
                <a:ext cx="295920" cy="152928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402480284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1EDB36F-0836-4B88-96D5-2DABE374292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77F7C787-EE5C-4275-92C4-861047D9A4C9}"/>
              </a:ext>
            </a:extLst>
          </p:cNvPr>
          <p:cNvSpPr txBox="1">
            <a:spLocks/>
          </p:cNvSpPr>
          <p:nvPr/>
        </p:nvSpPr>
        <p:spPr bwMode="auto">
          <a:xfrm>
            <a:off x="262558" y="1844824"/>
            <a:ext cx="2664296" cy="50405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US" kern="0" dirty="0"/>
              <a:t>Previous</a:t>
            </a:r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561F71ED-B388-4B7F-B58F-1EEC102106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dirty="0"/>
              <a:t>Periodic adjustments: Isotropic Orbitals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12E933-0002-4F38-B8F3-B83476D13504}"/>
              </a:ext>
            </a:extLst>
          </p:cNvPr>
          <p:cNvSpPr txBox="1"/>
          <p:nvPr/>
        </p:nvSpPr>
        <p:spPr>
          <a:xfrm>
            <a:off x="6070834" y="1758298"/>
            <a:ext cx="609694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FontTx/>
              <a:buNone/>
            </a:pPr>
            <a:r>
              <a:rPr lang="en-US" kern="0" dirty="0"/>
              <a:t>New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DB1486FC-DAE6-4789-9D13-73B95707894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0590" y="2580523"/>
            <a:ext cx="4474835" cy="3208267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0BB31CEC-CDE5-48A1-AC9F-5B498501BDC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53285" y="2564904"/>
            <a:ext cx="4915789" cy="34398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591347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1EDB36F-0836-4B88-96D5-2DABE374292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77F7C787-EE5C-4275-92C4-861047D9A4C9}"/>
              </a:ext>
            </a:extLst>
          </p:cNvPr>
          <p:cNvSpPr txBox="1">
            <a:spLocks/>
          </p:cNvSpPr>
          <p:nvPr/>
        </p:nvSpPr>
        <p:spPr bwMode="auto">
          <a:xfrm>
            <a:off x="262558" y="1844824"/>
            <a:ext cx="2664296" cy="50405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US" kern="0" dirty="0"/>
              <a:t>Previous</a:t>
            </a:r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  <a:p>
            <a:pPr marL="0" indent="0">
              <a:buFontTx/>
              <a:buNone/>
            </a:pPr>
            <a:endParaRPr lang="en-US" kern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561F71ED-B388-4B7F-B58F-1EEC102106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dirty="0"/>
              <a:t>Periodic adjustments: Isotropic Orbitals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12E933-0002-4F38-B8F3-B83476D13504}"/>
              </a:ext>
            </a:extLst>
          </p:cNvPr>
          <p:cNvSpPr txBox="1"/>
          <p:nvPr/>
        </p:nvSpPr>
        <p:spPr>
          <a:xfrm>
            <a:off x="6070834" y="1758298"/>
            <a:ext cx="609694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FontTx/>
              <a:buNone/>
            </a:pPr>
            <a:r>
              <a:rPr lang="en-US" kern="0" dirty="0"/>
              <a:t>New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FEE372E-1887-4683-9313-49BFFF0489F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63158" y="3005849"/>
            <a:ext cx="5318798" cy="1470966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6BF322B4-4282-459A-BDF1-D7C7FC3FC3F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47134" y="4638210"/>
            <a:ext cx="5775407" cy="1072575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D70658E9-50C7-4811-A87E-2520117A807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70834" y="2278624"/>
            <a:ext cx="2810267" cy="7525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67205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083A52-10B8-4E2B-B6FC-90FA7090CD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blem sketch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2F47F92-E070-4ECE-9679-56BD49A6BC4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FBE56A2E-1922-4F60-866C-76BC843417D3}"/>
              </a:ext>
            </a:extLst>
          </p:cNvPr>
          <p:cNvSpPr txBox="1">
            <a:spLocks/>
          </p:cNvSpPr>
          <p:nvPr/>
        </p:nvSpPr>
        <p:spPr bwMode="auto">
          <a:xfrm>
            <a:off x="5749270" y="3809321"/>
            <a:ext cx="6667423" cy="179460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kern="0" dirty="0"/>
              <a:t>The model must be</a:t>
            </a:r>
          </a:p>
          <a:p>
            <a:pPr lvl="1"/>
            <a:r>
              <a:rPr lang="en-GB" kern="0" dirty="0"/>
              <a:t>Periodic</a:t>
            </a:r>
          </a:p>
          <a:p>
            <a:pPr lvl="1"/>
            <a:r>
              <a:rPr lang="en-GB" kern="0" dirty="0"/>
              <a:t>Antisymmetric (fermionic)</a:t>
            </a:r>
          </a:p>
          <a:p>
            <a:pPr lvl="1"/>
            <a:r>
              <a:rPr lang="en-GB" kern="0" dirty="0"/>
              <a:t>Continuous (first- and second- order derivatives)</a:t>
            </a:r>
          </a:p>
          <a:p>
            <a:pPr marL="0" indent="0">
              <a:buFontTx/>
              <a:buNone/>
            </a:pPr>
            <a:endParaRPr lang="en-GB" kern="0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969C2DA-0D4F-4636-9CF8-543891ABDE83}"/>
              </a:ext>
            </a:extLst>
          </p:cNvPr>
          <p:cNvSpPr/>
          <p:nvPr/>
        </p:nvSpPr>
        <p:spPr bwMode="auto">
          <a:xfrm>
            <a:off x="1486694" y="3573016"/>
            <a:ext cx="1616907" cy="1634690"/>
          </a:xfrm>
          <a:prstGeom prst="rect">
            <a:avLst/>
          </a:prstGeom>
          <a:noFill/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404D2878-54B6-451A-A39C-E38620EEFFE6}"/>
              </a:ext>
            </a:extLst>
          </p:cNvPr>
          <p:cNvCxnSpPr>
            <a:cxnSpLocks/>
          </p:cNvCxnSpPr>
          <p:nvPr/>
        </p:nvCxnSpPr>
        <p:spPr bwMode="auto">
          <a:xfrm>
            <a:off x="3103601" y="2483442"/>
            <a:ext cx="0" cy="3225061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C5F38216-F881-4D6C-8AC8-BEC2307C4FF1}"/>
              </a:ext>
            </a:extLst>
          </p:cNvPr>
          <p:cNvCxnSpPr>
            <a:cxnSpLocks/>
          </p:cNvCxnSpPr>
          <p:nvPr/>
        </p:nvCxnSpPr>
        <p:spPr bwMode="auto">
          <a:xfrm>
            <a:off x="1202780" y="5207706"/>
            <a:ext cx="3517728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EDF77E09-0C5A-4858-8C5A-D518E8DEAE1C}"/>
              </a:ext>
            </a:extLst>
          </p:cNvPr>
          <p:cNvCxnSpPr>
            <a:cxnSpLocks/>
          </p:cNvCxnSpPr>
          <p:nvPr/>
        </p:nvCxnSpPr>
        <p:spPr bwMode="auto">
          <a:xfrm flipH="1">
            <a:off x="1486692" y="3224923"/>
            <a:ext cx="4121" cy="2447576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806F491F-5BB6-49C5-8FDB-2A17C2024BD0}"/>
              </a:ext>
            </a:extLst>
          </p:cNvPr>
          <p:cNvCxnSpPr>
            <a:cxnSpLocks/>
          </p:cNvCxnSpPr>
          <p:nvPr/>
        </p:nvCxnSpPr>
        <p:spPr bwMode="auto">
          <a:xfrm>
            <a:off x="1202780" y="3583648"/>
            <a:ext cx="3528394" cy="1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25C1D15D-7391-4D4A-A52F-4BC730D01B30}"/>
              </a:ext>
            </a:extLst>
          </p:cNvPr>
          <p:cNvSpPr/>
          <p:nvPr/>
        </p:nvSpPr>
        <p:spPr bwMode="auto">
          <a:xfrm>
            <a:off x="1922859" y="3999397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BF0B6B6B-3293-4C7B-B659-55E5FD8595A9}"/>
              </a:ext>
            </a:extLst>
          </p:cNvPr>
          <p:cNvSpPr/>
          <p:nvPr/>
        </p:nvSpPr>
        <p:spPr bwMode="auto">
          <a:xfrm>
            <a:off x="2808163" y="4803008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129ADDDF-0AFA-44B1-8110-8F767C392B23}"/>
              </a:ext>
            </a:extLst>
          </p:cNvPr>
          <p:cNvGrpSpPr/>
          <p:nvPr/>
        </p:nvGrpSpPr>
        <p:grpSpPr>
          <a:xfrm>
            <a:off x="2101406" y="4631323"/>
            <a:ext cx="166298" cy="166298"/>
            <a:chOff x="4921380" y="2239318"/>
            <a:chExt cx="360040" cy="360040"/>
          </a:xfrm>
        </p:grpSpPr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12AF9EC4-115E-41C7-9D98-96C804205317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93600315-2B28-4648-A150-D50A922F977E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792FBCF-E290-4677-AA32-3035796D98E9}"/>
              </a:ext>
            </a:extLst>
          </p:cNvPr>
          <p:cNvGrpSpPr/>
          <p:nvPr/>
        </p:nvGrpSpPr>
        <p:grpSpPr>
          <a:xfrm>
            <a:off x="2435817" y="3719990"/>
            <a:ext cx="166298" cy="166298"/>
            <a:chOff x="4921380" y="2239318"/>
            <a:chExt cx="360040" cy="360040"/>
          </a:xfrm>
        </p:grpSpPr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438EA471-6B66-4020-9E29-DA9951AC4E2C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D5E66310-8494-4ED4-98EA-7311843FC3C6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2DD6146F-B435-41ED-87CC-15E7EA07CB20}"/>
              </a:ext>
            </a:extLst>
          </p:cNvPr>
          <p:cNvCxnSpPr>
            <a:cxnSpLocks/>
            <a:endCxn id="11" idx="3"/>
          </p:cNvCxnSpPr>
          <p:nvPr/>
        </p:nvCxnSpPr>
        <p:spPr bwMode="auto">
          <a:xfrm flipV="1">
            <a:off x="1486694" y="4120551"/>
            <a:ext cx="456952" cy="10871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0A83A098-FEBA-4EE1-9802-DD41EDEA0F18}"/>
              </a:ext>
            </a:extLst>
          </p:cNvPr>
          <p:cNvCxnSpPr/>
          <p:nvPr/>
        </p:nvCxnSpPr>
        <p:spPr bwMode="auto">
          <a:xfrm flipV="1">
            <a:off x="1486693" y="4693452"/>
            <a:ext cx="669490" cy="51425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2AA3587E-6227-49D6-8871-18377A95A241}"/>
              </a:ext>
            </a:extLst>
          </p:cNvPr>
          <p:cNvCxnSpPr>
            <a:cxnSpLocks/>
            <a:endCxn id="12" idx="3"/>
          </p:cNvCxnSpPr>
          <p:nvPr/>
        </p:nvCxnSpPr>
        <p:spPr bwMode="auto">
          <a:xfrm flipV="1">
            <a:off x="1498542" y="4924162"/>
            <a:ext cx="1330408" cy="25734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107C931B-7790-4399-9AAD-79D723B1871E}"/>
              </a:ext>
            </a:extLst>
          </p:cNvPr>
          <p:cNvCxnSpPr/>
          <p:nvPr/>
        </p:nvCxnSpPr>
        <p:spPr bwMode="auto">
          <a:xfrm flipV="1">
            <a:off x="1501101" y="3800439"/>
            <a:ext cx="987419" cy="139303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Oval 22">
            <a:extLst>
              <a:ext uri="{FF2B5EF4-FFF2-40B4-BE49-F238E27FC236}">
                <a16:creationId xmlns:a16="http://schemas.microsoft.com/office/drawing/2014/main" id="{5E655A0A-456F-48C3-93D1-28C8D6E8E306}"/>
              </a:ext>
            </a:extLst>
          </p:cNvPr>
          <p:cNvSpPr/>
          <p:nvPr/>
        </p:nvSpPr>
        <p:spPr bwMode="auto">
          <a:xfrm>
            <a:off x="3557835" y="5636494"/>
            <a:ext cx="141941" cy="141941"/>
          </a:xfrm>
          <a:prstGeom prst="ellipse">
            <a:avLst/>
          </a:prstGeom>
          <a:solidFill>
            <a:schemeClr val="accent1">
              <a:alpha val="50000"/>
            </a:schemeClr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C00202A5-7195-411A-A7C2-3D116035E75A}"/>
              </a:ext>
            </a:extLst>
          </p:cNvPr>
          <p:cNvGrpSpPr/>
          <p:nvPr/>
        </p:nvGrpSpPr>
        <p:grpSpPr>
          <a:xfrm>
            <a:off x="4070793" y="5357087"/>
            <a:ext cx="166298" cy="166298"/>
            <a:chOff x="4921380" y="2239318"/>
            <a:chExt cx="360040" cy="360040"/>
          </a:xfrm>
        </p:grpSpPr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A90600BC-49E6-494C-A1FF-D841AC11DEC3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EE704315-2204-44A4-B9EB-A51CFF53C664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27" name="Oval 26">
            <a:extLst>
              <a:ext uri="{FF2B5EF4-FFF2-40B4-BE49-F238E27FC236}">
                <a16:creationId xmlns:a16="http://schemas.microsoft.com/office/drawing/2014/main" id="{0633DEE4-AC4E-41FC-B30C-D1649E487884}"/>
              </a:ext>
            </a:extLst>
          </p:cNvPr>
          <p:cNvSpPr/>
          <p:nvPr/>
        </p:nvSpPr>
        <p:spPr bwMode="auto">
          <a:xfrm>
            <a:off x="3551928" y="4004785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5781B4AA-E7E1-4890-AA7B-3A8C3B586FCB}"/>
              </a:ext>
            </a:extLst>
          </p:cNvPr>
          <p:cNvSpPr/>
          <p:nvPr/>
        </p:nvSpPr>
        <p:spPr bwMode="auto">
          <a:xfrm>
            <a:off x="4437232" y="4808396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29" name="Group 28">
            <a:extLst>
              <a:ext uri="{FF2B5EF4-FFF2-40B4-BE49-F238E27FC236}">
                <a16:creationId xmlns:a16="http://schemas.microsoft.com/office/drawing/2014/main" id="{E9B718F9-ED7E-4FD1-B824-2B50435E4736}"/>
              </a:ext>
            </a:extLst>
          </p:cNvPr>
          <p:cNvGrpSpPr/>
          <p:nvPr/>
        </p:nvGrpSpPr>
        <p:grpSpPr>
          <a:xfrm>
            <a:off x="3730475" y="4636711"/>
            <a:ext cx="166298" cy="166298"/>
            <a:chOff x="4921380" y="2239318"/>
            <a:chExt cx="360040" cy="360040"/>
          </a:xfrm>
        </p:grpSpPr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BAB70BE3-1EDD-416A-BEE1-E81F5CFAAAF5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022505E9-1257-4A59-98EA-B4783CE62CFE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498443B6-5DCF-4DD7-9490-8CC6985C865D}"/>
              </a:ext>
            </a:extLst>
          </p:cNvPr>
          <p:cNvGrpSpPr/>
          <p:nvPr/>
        </p:nvGrpSpPr>
        <p:grpSpPr>
          <a:xfrm>
            <a:off x="4064886" y="3725378"/>
            <a:ext cx="166298" cy="166298"/>
            <a:chOff x="4921380" y="2239318"/>
            <a:chExt cx="360040" cy="360040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B06E107D-9E1F-4ED5-B047-3BC2DE62EECB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A5CD5E58-2B55-400B-9374-CFFBAA5D6C85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35" name="Oval 34">
            <a:extLst>
              <a:ext uri="{FF2B5EF4-FFF2-40B4-BE49-F238E27FC236}">
                <a16:creationId xmlns:a16="http://schemas.microsoft.com/office/drawing/2014/main" id="{082FE617-6ED7-44F2-AD6D-A9C958451FF4}"/>
              </a:ext>
            </a:extLst>
          </p:cNvPr>
          <p:cNvSpPr/>
          <p:nvPr/>
        </p:nvSpPr>
        <p:spPr bwMode="auto">
          <a:xfrm>
            <a:off x="3551928" y="2483441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FBCA98F2-5DD1-478D-B4F6-696CF26C99DF}"/>
              </a:ext>
            </a:extLst>
          </p:cNvPr>
          <p:cNvSpPr/>
          <p:nvPr/>
        </p:nvSpPr>
        <p:spPr bwMode="auto">
          <a:xfrm>
            <a:off x="4437232" y="3287052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E4B8AD82-DFC5-4BC4-84B3-3A0F67F4B535}"/>
              </a:ext>
            </a:extLst>
          </p:cNvPr>
          <p:cNvGrpSpPr/>
          <p:nvPr/>
        </p:nvGrpSpPr>
        <p:grpSpPr>
          <a:xfrm>
            <a:off x="3730475" y="3115367"/>
            <a:ext cx="166298" cy="166298"/>
            <a:chOff x="4921380" y="2239318"/>
            <a:chExt cx="360040" cy="360040"/>
          </a:xfrm>
        </p:grpSpPr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3666C592-80C1-4BF0-A040-32252B4A5088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F6BB931C-210C-4694-8232-E322778EBBFD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40" name="Group 39">
            <a:extLst>
              <a:ext uri="{FF2B5EF4-FFF2-40B4-BE49-F238E27FC236}">
                <a16:creationId xmlns:a16="http://schemas.microsoft.com/office/drawing/2014/main" id="{06DC73E9-4A6A-46BE-8784-08328B4FC87A}"/>
              </a:ext>
            </a:extLst>
          </p:cNvPr>
          <p:cNvGrpSpPr/>
          <p:nvPr/>
        </p:nvGrpSpPr>
        <p:grpSpPr>
          <a:xfrm>
            <a:off x="4064886" y="2204034"/>
            <a:ext cx="166298" cy="166298"/>
            <a:chOff x="4921380" y="2239318"/>
            <a:chExt cx="360040" cy="360040"/>
          </a:xfrm>
        </p:grpSpPr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D107B058-699A-4582-B40F-E12755D9FAA2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F670DDCE-E2ED-4207-9C15-D63AA600AE6C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43" name="TextBox 42">
            <a:extLst>
              <a:ext uri="{FF2B5EF4-FFF2-40B4-BE49-F238E27FC236}">
                <a16:creationId xmlns:a16="http://schemas.microsoft.com/office/drawing/2014/main" id="{3C68B410-C746-4DD0-AFB0-9C2FB02ABC9B}"/>
              </a:ext>
            </a:extLst>
          </p:cNvPr>
          <p:cNvSpPr txBox="1"/>
          <p:nvPr/>
        </p:nvSpPr>
        <p:spPr>
          <a:xfrm flipH="1">
            <a:off x="2209485" y="3085187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01D3797-8320-4FB7-B992-DABB561833EF}"/>
              </a:ext>
            </a:extLst>
          </p:cNvPr>
          <p:cNvSpPr txBox="1"/>
          <p:nvPr/>
        </p:nvSpPr>
        <p:spPr>
          <a:xfrm flipH="1">
            <a:off x="978990" y="4151988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FECDD88E-EAA5-43A8-BBC0-29664513BAD6}"/>
              </a:ext>
            </a:extLst>
          </p:cNvPr>
          <p:cNvSpPr txBox="1"/>
          <p:nvPr/>
        </p:nvSpPr>
        <p:spPr>
          <a:xfrm flipH="1">
            <a:off x="2183423" y="5328264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grpSp>
        <p:nvGrpSpPr>
          <p:cNvPr id="46" name="Group 45">
            <a:extLst>
              <a:ext uri="{FF2B5EF4-FFF2-40B4-BE49-F238E27FC236}">
                <a16:creationId xmlns:a16="http://schemas.microsoft.com/office/drawing/2014/main" id="{5637295D-D984-405F-BA5B-44A7541B0139}"/>
              </a:ext>
            </a:extLst>
          </p:cNvPr>
          <p:cNvGrpSpPr/>
          <p:nvPr/>
        </p:nvGrpSpPr>
        <p:grpSpPr>
          <a:xfrm>
            <a:off x="5771700" y="2167213"/>
            <a:ext cx="166298" cy="166298"/>
            <a:chOff x="4921380" y="2239318"/>
            <a:chExt cx="360040" cy="360040"/>
          </a:xfrm>
        </p:grpSpPr>
        <p:cxnSp>
          <p:nvCxnSpPr>
            <p:cNvPr id="47" name="Straight Connector 46">
              <a:extLst>
                <a:ext uri="{FF2B5EF4-FFF2-40B4-BE49-F238E27FC236}">
                  <a16:creationId xmlns:a16="http://schemas.microsoft.com/office/drawing/2014/main" id="{849AA88F-BD83-4F45-BA6D-A5A940C7D0FC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8" name="Straight Connector 47">
              <a:extLst>
                <a:ext uri="{FF2B5EF4-FFF2-40B4-BE49-F238E27FC236}">
                  <a16:creationId xmlns:a16="http://schemas.microsoft.com/office/drawing/2014/main" id="{583FABEC-F88F-4D0B-ADC3-C0ABE51B81FB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49" name="Oval 48">
            <a:extLst>
              <a:ext uri="{FF2B5EF4-FFF2-40B4-BE49-F238E27FC236}">
                <a16:creationId xmlns:a16="http://schemas.microsoft.com/office/drawing/2014/main" id="{B85C0B33-DE2B-4D7C-8818-E6CDF496C819}"/>
              </a:ext>
            </a:extLst>
          </p:cNvPr>
          <p:cNvSpPr/>
          <p:nvPr/>
        </p:nvSpPr>
        <p:spPr bwMode="auto">
          <a:xfrm>
            <a:off x="5796057" y="2622204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B36AABA9-FF32-48F4-839B-5EAFAF49CA62}"/>
              </a:ext>
            </a:extLst>
          </p:cNvPr>
          <p:cNvSpPr txBox="1"/>
          <p:nvPr/>
        </p:nvSpPr>
        <p:spPr>
          <a:xfrm>
            <a:off x="5591150" y="2081085"/>
            <a:ext cx="623041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1"/>
            <a:r>
              <a:rPr lang="en-GB" kern="0" dirty="0"/>
              <a:t>Electrons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BB785C95-DCE5-4D7C-8565-BC0BBD72F29E}"/>
              </a:ext>
            </a:extLst>
          </p:cNvPr>
          <p:cNvSpPr txBox="1"/>
          <p:nvPr/>
        </p:nvSpPr>
        <p:spPr>
          <a:xfrm>
            <a:off x="5591150" y="2497353"/>
            <a:ext cx="623041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1"/>
            <a:r>
              <a:rPr lang="en-GB" kern="0" dirty="0"/>
              <a:t>Nuclei</a:t>
            </a:r>
          </a:p>
        </p:txBody>
      </p:sp>
    </p:spTree>
    <p:extLst>
      <p:ext uri="{BB962C8B-B14F-4D97-AF65-F5344CB8AC3E}">
        <p14:creationId xmlns:p14="http://schemas.microsoft.com/office/powerpoint/2010/main" val="2493832961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DE5804-B306-48B6-BB54-5CCE0BDC8E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116632"/>
            <a:ext cx="9312374" cy="972716"/>
          </a:xfrm>
        </p:spPr>
        <p:txBody>
          <a:bodyPr/>
          <a:lstStyle/>
          <a:p>
            <a:r>
              <a:rPr lang="en-US" dirty="0"/>
              <a:t>Energy computa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CE760C-9F6A-412B-8DAA-E06CD758017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42F7307-AD3F-40DD-92F5-B9B8BA55785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108701" y="1885734"/>
            <a:ext cx="5973009" cy="3086531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8124E120-4FF1-4E63-8BB6-D35D5EFDB049}"/>
              </a:ext>
            </a:extLst>
          </p:cNvPr>
          <p:cNvSpPr txBox="1"/>
          <p:nvPr/>
        </p:nvSpPr>
        <p:spPr>
          <a:xfrm>
            <a:off x="3286894" y="1406526"/>
            <a:ext cx="482453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- Potential (Ewald’s Summation)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83E0178-A25F-4576-8A3D-CC2B8DEDCB6D}"/>
              </a:ext>
            </a:extLst>
          </p:cNvPr>
          <p:cNvSpPr txBox="1"/>
          <p:nvPr/>
        </p:nvSpPr>
        <p:spPr>
          <a:xfrm>
            <a:off x="3358902" y="5301208"/>
            <a:ext cx="8172908" cy="789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l">
              <a:spcBef>
                <a:spcPts val="432"/>
              </a:spcBef>
              <a:buFontTx/>
              <a:buChar char="-"/>
            </a:pPr>
            <a:r>
              <a:rPr lang="en-US" sz="2400" dirty="0">
                <a:latin typeface="+mn-lt"/>
              </a:rPr>
              <a:t>Kinetic (no change to isolated case)</a:t>
            </a:r>
          </a:p>
          <a:p>
            <a:pPr marL="800100" lvl="1" indent="-342900">
              <a:spcBef>
                <a:spcPts val="432"/>
              </a:spcBef>
              <a:buFontTx/>
              <a:buChar char="-"/>
            </a:pPr>
            <a:r>
              <a:rPr lang="en-US" sz="2400" dirty="0">
                <a:latin typeface="+mn-lt"/>
              </a:rPr>
              <a:t>Compute Laplacian for all simulation cell electron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B7DA54C-E8F5-4F44-B344-D83E1DFF18BD}"/>
              </a:ext>
            </a:extLst>
          </p:cNvPr>
          <p:cNvSpPr txBox="1"/>
          <p:nvPr/>
        </p:nvSpPr>
        <p:spPr>
          <a:xfrm>
            <a:off x="9479582" y="2420888"/>
            <a:ext cx="146995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Real space sum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649684A-C900-430F-9644-CF8E694888AA}"/>
              </a:ext>
            </a:extLst>
          </p:cNvPr>
          <p:cNvSpPr txBox="1"/>
          <p:nvPr/>
        </p:nvSpPr>
        <p:spPr>
          <a:xfrm>
            <a:off x="9335566" y="3182778"/>
            <a:ext cx="201657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Reciprocal space sum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A05B2F00-8EAA-41E4-9365-46F1CC8394F4}"/>
              </a:ext>
            </a:extLst>
          </p:cNvPr>
          <p:cNvSpPr txBox="1"/>
          <p:nvPr/>
        </p:nvSpPr>
        <p:spPr>
          <a:xfrm>
            <a:off x="9263558" y="4093234"/>
            <a:ext cx="2563202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Self-interaction cancellation 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from reciprocal space sum</a:t>
            </a: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6EFCC8FD-8E3D-41AC-980E-BEC3B591F802}"/>
              </a:ext>
            </a:extLst>
          </p:cNvPr>
          <p:cNvCxnSpPr/>
          <p:nvPr/>
        </p:nvCxnSpPr>
        <p:spPr bwMode="auto">
          <a:xfrm flipH="1" flipV="1">
            <a:off x="7895406" y="2543999"/>
            <a:ext cx="1440160" cy="19204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D93B95FA-26F8-4C3A-AEC7-D4762DB6DA45}"/>
              </a:ext>
            </a:extLst>
          </p:cNvPr>
          <p:cNvCxnSpPr>
            <a:stCxn id="9" idx="1"/>
          </p:cNvCxnSpPr>
          <p:nvPr/>
        </p:nvCxnSpPr>
        <p:spPr bwMode="auto">
          <a:xfrm flipH="1" flipV="1">
            <a:off x="7103318" y="3288726"/>
            <a:ext cx="2232248" cy="17163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07BA9112-C107-4283-AF0C-F8A62BA36B6C}"/>
              </a:ext>
            </a:extLst>
          </p:cNvPr>
          <p:cNvCxnSpPr/>
          <p:nvPr/>
        </p:nvCxnSpPr>
        <p:spPr bwMode="auto">
          <a:xfrm flipH="1" flipV="1">
            <a:off x="5086740" y="4209118"/>
            <a:ext cx="4032802" cy="7227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426560682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1E2DDA-91A3-4D85-969E-8BAE24B7F04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283502"/>
            <a:ext cx="8136904" cy="645040"/>
          </a:xfrm>
        </p:spPr>
        <p:txBody>
          <a:bodyPr/>
          <a:lstStyle/>
          <a:p>
            <a:r>
              <a:rPr lang="en-US" dirty="0"/>
              <a:t>Ewald’s summation convergenc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2BD8773-62E1-4E13-BF4C-5C1D845E9EF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C4647B-D513-415C-A8B7-A14C2150D4D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55481" y="980728"/>
            <a:ext cx="9279450" cy="2725433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DCCEF22C-1680-43C1-A84B-B4FFDAF96C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58665" y="3645024"/>
            <a:ext cx="9279450" cy="27095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264712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4800" dirty="0"/>
              <a:t>Periodic neural network </a:t>
            </a:r>
            <a:r>
              <a:rPr lang="en-GB" sz="4800" dirty="0" err="1"/>
              <a:t>Ansätze</a:t>
            </a:r>
            <a:endParaRPr lang="en-GB" sz="48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2800" dirty="0"/>
              <a:t>Max Wilson, *</a:t>
            </a:r>
            <a:r>
              <a:rPr lang="en-GB" sz="2800" dirty="0" err="1"/>
              <a:t>Saverio</a:t>
            </a:r>
            <a:r>
              <a:rPr lang="en-GB" sz="2800" dirty="0"/>
              <a:t> Moroni, </a:t>
            </a:r>
            <a:r>
              <a:rPr lang="en-GB" sz="2800" dirty="0" err="1"/>
              <a:t>Arghya</a:t>
            </a:r>
            <a:r>
              <a:rPr lang="en-GB" sz="2800" dirty="0"/>
              <a:t> Bhowmik, *Filip </a:t>
            </a:r>
            <a:r>
              <a:rPr lang="en-GB" sz="2800" dirty="0" err="1"/>
              <a:t>Wudarski</a:t>
            </a:r>
            <a:r>
              <a:rPr lang="en-GB" sz="2800" dirty="0"/>
              <a:t>, *Nicholas Gao, Ole </a:t>
            </a:r>
            <a:r>
              <a:rPr lang="en-GB" sz="2800" dirty="0" err="1"/>
              <a:t>Winther</a:t>
            </a:r>
            <a:r>
              <a:rPr lang="en-GB" sz="2800" dirty="0"/>
              <a:t>, </a:t>
            </a:r>
            <a:r>
              <a:rPr lang="en-GB" sz="2800" dirty="0" err="1"/>
              <a:t>Tejs</a:t>
            </a:r>
            <a:r>
              <a:rPr lang="en-GB" sz="2800" dirty="0"/>
              <a:t> </a:t>
            </a:r>
            <a:r>
              <a:rPr lang="en-GB" sz="2800" dirty="0" err="1"/>
              <a:t>Vegge</a:t>
            </a:r>
            <a:endParaRPr lang="en-GB" sz="2800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F1E401-7E8D-4C84-92BB-56DE9A836EA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6694" y="836712"/>
            <a:ext cx="9312374" cy="626609"/>
          </a:xfrm>
        </p:spPr>
        <p:txBody>
          <a:bodyPr/>
          <a:lstStyle/>
          <a:p>
            <a:r>
              <a:rPr lang="en-US" dirty="0"/>
              <a:t>Kinetic energy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8553C9-2130-427E-9CE1-349F9AE9206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0981665-062A-4854-A919-8B51517BDD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99062" y="2348880"/>
            <a:ext cx="2376264" cy="781526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09FCB952-00CB-4623-ACDE-0887242FA41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83038" y="3095095"/>
            <a:ext cx="2808312" cy="11914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11341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02FDFF2-4BB2-47F6-AB4F-8F74F5077A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26D84BAD-27E3-433F-94FE-10844D309F8F}"/>
              </a:ext>
            </a:extLst>
          </p:cNvPr>
          <p:cNvSpPr/>
          <p:nvPr/>
        </p:nvSpPr>
        <p:spPr bwMode="auto">
          <a:xfrm>
            <a:off x="1706910" y="2929136"/>
            <a:ext cx="2079848" cy="2079848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60C63FAE-29DB-420A-B278-34C49640B561}"/>
              </a:ext>
            </a:extLst>
          </p:cNvPr>
          <p:cNvSpPr/>
          <p:nvPr/>
        </p:nvSpPr>
        <p:spPr bwMode="auto">
          <a:xfrm>
            <a:off x="2350790" y="2348880"/>
            <a:ext cx="1804392" cy="180439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98CFBF65-A360-498E-AD35-0E4AED5AB394}"/>
              </a:ext>
            </a:extLst>
          </p:cNvPr>
          <p:cNvCxnSpPr/>
          <p:nvPr/>
        </p:nvCxnSpPr>
        <p:spPr bwMode="auto">
          <a:xfrm flipV="1">
            <a:off x="1706910" y="2348879"/>
            <a:ext cx="643880" cy="580257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A4363F49-E8AF-4AE3-AA2A-55C60E31EFBD}"/>
              </a:ext>
            </a:extLst>
          </p:cNvPr>
          <p:cNvCxnSpPr/>
          <p:nvPr/>
        </p:nvCxnSpPr>
        <p:spPr bwMode="auto">
          <a:xfrm flipV="1">
            <a:off x="3786758" y="2348880"/>
            <a:ext cx="368424" cy="58025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B9D3CA77-3C4B-424A-A033-2A236CE2FE47}"/>
              </a:ext>
            </a:extLst>
          </p:cNvPr>
          <p:cNvCxnSpPr/>
          <p:nvPr/>
        </p:nvCxnSpPr>
        <p:spPr bwMode="auto">
          <a:xfrm flipV="1">
            <a:off x="3786758" y="4153272"/>
            <a:ext cx="368424" cy="855713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1E28637F-240D-412C-9A67-AE7952221302}"/>
              </a:ext>
            </a:extLst>
          </p:cNvPr>
          <p:cNvCxnSpPr/>
          <p:nvPr/>
        </p:nvCxnSpPr>
        <p:spPr bwMode="auto">
          <a:xfrm flipV="1">
            <a:off x="1706910" y="4153272"/>
            <a:ext cx="643880" cy="855713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8" name="Oval 17">
            <a:extLst>
              <a:ext uri="{FF2B5EF4-FFF2-40B4-BE49-F238E27FC236}">
                <a16:creationId xmlns:a16="http://schemas.microsoft.com/office/drawing/2014/main" id="{9DB71DF1-AF14-4AAF-A3DA-4F974FBC98DE}"/>
              </a:ext>
            </a:extLst>
          </p:cNvPr>
          <p:cNvSpPr/>
          <p:nvPr/>
        </p:nvSpPr>
        <p:spPr bwMode="auto">
          <a:xfrm>
            <a:off x="2861113" y="3582241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D0D83CA6-206E-436E-9B70-3624596EE963}"/>
              </a:ext>
            </a:extLst>
          </p:cNvPr>
          <p:cNvSpPr/>
          <p:nvPr/>
        </p:nvSpPr>
        <p:spPr bwMode="auto">
          <a:xfrm>
            <a:off x="1635939" y="4867043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23" name="Group 22">
            <a:extLst>
              <a:ext uri="{FF2B5EF4-FFF2-40B4-BE49-F238E27FC236}">
                <a16:creationId xmlns:a16="http://schemas.microsoft.com/office/drawing/2014/main" id="{C84A8965-2C1A-449D-A584-9626D822E983}"/>
              </a:ext>
            </a:extLst>
          </p:cNvPr>
          <p:cNvGrpSpPr/>
          <p:nvPr/>
        </p:nvGrpSpPr>
        <p:grpSpPr>
          <a:xfrm>
            <a:off x="3252986" y="3167927"/>
            <a:ext cx="166298" cy="166298"/>
            <a:chOff x="4921380" y="2239318"/>
            <a:chExt cx="360040" cy="360040"/>
          </a:xfrm>
        </p:grpSpPr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EB265DD5-187E-441F-A07F-5E2D8205C949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D8058D46-6E8F-46F4-ABD5-2815C392BA45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CEFD218-FAEF-44F9-823B-270B1C762DD7}"/>
              </a:ext>
            </a:extLst>
          </p:cNvPr>
          <p:cNvCxnSpPr/>
          <p:nvPr/>
        </p:nvCxnSpPr>
        <p:spPr bwMode="auto">
          <a:xfrm flipV="1">
            <a:off x="698798" y="1777008"/>
            <a:ext cx="4032448" cy="4176464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0C9B5606-55F3-4320-A2F0-706AC4F1038A}"/>
              </a:ext>
            </a:extLst>
          </p:cNvPr>
          <p:cNvSpPr txBox="1"/>
          <p:nvPr/>
        </p:nvSpPr>
        <p:spPr>
          <a:xfrm>
            <a:off x="5739358" y="2708920"/>
            <a:ext cx="5616624" cy="168251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Move target electron along dashed line (corner to corner)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Plot as a function of 1 dimension for ease (putting boundaries at 0.0 and </a:t>
            </a:r>
            <a:r>
              <a:rPr lang="en-US" dirty="0" err="1">
                <a:latin typeface="+mn-lt"/>
              </a:rPr>
              <a:t>unit_cell_length</a:t>
            </a:r>
            <a:r>
              <a:rPr lang="en-US" dirty="0">
                <a:latin typeface="+mn-lt"/>
              </a:rPr>
              <a:t>)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Electrons sampled randomly in 1</a:t>
            </a:r>
            <a:r>
              <a:rPr lang="en-US" baseline="30000" dirty="0">
                <a:latin typeface="+mn-lt"/>
              </a:rPr>
              <a:t>st</a:t>
            </a:r>
            <a:r>
              <a:rPr lang="en-US" dirty="0">
                <a:latin typeface="+mn-lt"/>
              </a:rPr>
              <a:t> experiment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Electrons sampled from wave function in 2</a:t>
            </a:r>
            <a:r>
              <a:rPr lang="en-US" baseline="30000" dirty="0">
                <a:latin typeface="+mn-lt"/>
              </a:rPr>
              <a:t>nd</a:t>
            </a:r>
            <a:r>
              <a:rPr lang="en-US" dirty="0">
                <a:latin typeface="+mn-lt"/>
              </a:rPr>
              <a:t> experiment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Place up/down electrons in path in 3</a:t>
            </a:r>
            <a:r>
              <a:rPr lang="en-US" baseline="30000" dirty="0">
                <a:latin typeface="+mn-lt"/>
              </a:rPr>
              <a:t>rd</a:t>
            </a:r>
            <a:r>
              <a:rPr lang="en-US" dirty="0">
                <a:latin typeface="+mn-lt"/>
              </a:rPr>
              <a:t> experiment</a:t>
            </a:r>
          </a:p>
        </p:txBody>
      </p:sp>
    </p:spTree>
    <p:extLst>
      <p:ext uri="{BB962C8B-B14F-4D97-AF65-F5344CB8AC3E}">
        <p14:creationId xmlns:p14="http://schemas.microsoft.com/office/powerpoint/2010/main" val="3219383344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66C0B5-5ED1-4CD8-A060-9D1E5A0041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2678" y="188640"/>
            <a:ext cx="9312374" cy="972716"/>
          </a:xfrm>
        </p:spPr>
        <p:txBody>
          <a:bodyPr/>
          <a:lstStyle/>
          <a:p>
            <a:r>
              <a:rPr lang="en-US" dirty="0" err="1"/>
              <a:t>Whaddwe</a:t>
            </a:r>
            <a:r>
              <a:rPr lang="en-US" dirty="0"/>
              <a:t> got? Equilibrated electrons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D9514D3-50E7-4613-B115-38274C895B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A96F2CD-55B5-47B8-93AA-125FE1A69BD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2598" y="2852936"/>
            <a:ext cx="4674826" cy="322382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72159F22-ADF6-424E-860A-D8DD660A614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131152" y="2761777"/>
            <a:ext cx="4771012" cy="340614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00EE59F3-B5FF-4FEC-BDE6-7C7458E15DF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502540" y="182813"/>
            <a:ext cx="3219060" cy="1598235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A01AA332-F860-4B07-9DA8-ABD12C32BB04}"/>
              </a:ext>
            </a:extLst>
          </p:cNvPr>
          <p:cNvSpPr txBox="1"/>
          <p:nvPr/>
        </p:nvSpPr>
        <p:spPr>
          <a:xfrm>
            <a:off x="550590" y="1484784"/>
            <a:ext cx="424847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- First electron moved to line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85C17603-903F-4571-AFFE-8EEBA83310A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503690" y="188640"/>
            <a:ext cx="3219060" cy="1598235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EA969655-28FF-4A0D-BE26-F1E3FFE40DF2}"/>
              </a:ext>
            </a:extLst>
          </p:cNvPr>
          <p:cNvSpPr txBox="1"/>
          <p:nvPr/>
        </p:nvSpPr>
        <p:spPr>
          <a:xfrm>
            <a:off x="551740" y="1490611"/>
            <a:ext cx="424847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- First electron moved to line</a:t>
            </a:r>
          </a:p>
        </p:txBody>
      </p:sp>
    </p:spTree>
    <p:extLst>
      <p:ext uri="{BB962C8B-B14F-4D97-AF65-F5344CB8AC3E}">
        <p14:creationId xmlns:p14="http://schemas.microsoft.com/office/powerpoint/2010/main" val="19466974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885E465-2223-4EA7-8545-105A8A266E5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34A0B46-8755-43EA-98DB-E28200FB913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38622" y="1721839"/>
            <a:ext cx="4823407" cy="3414322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3663125A-D2B3-4CD9-A768-D4B25B3CE7C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11230" y="1484784"/>
            <a:ext cx="4469853" cy="39464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118592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50A480-0447-4E35-8B69-C9AF8268833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-99392"/>
            <a:ext cx="9312374" cy="972716"/>
          </a:xfrm>
        </p:spPr>
        <p:txBody>
          <a:bodyPr/>
          <a:lstStyle/>
          <a:p>
            <a:r>
              <a:rPr lang="en-US" dirty="0"/>
              <a:t>Electrons in lin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1476FF-7C6D-4037-B6A5-4E4B35A5503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F471CB9-A281-4964-B716-748DF0A1B0A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655221" y="116632"/>
            <a:ext cx="6521043" cy="322382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F5E7DE4-702A-449E-BA10-E8E13417651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91089" y="3249011"/>
            <a:ext cx="6087606" cy="301714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91BB51A7-0B6F-440C-B59E-052EAF5E71C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59640" y="1196752"/>
            <a:ext cx="3219060" cy="1598235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9FA81F59-3B12-41C0-A207-7FDD43B31C4A}"/>
              </a:ext>
            </a:extLst>
          </p:cNvPr>
          <p:cNvSpPr txBox="1"/>
          <p:nvPr/>
        </p:nvSpPr>
        <p:spPr>
          <a:xfrm>
            <a:off x="388815" y="3182779"/>
            <a:ext cx="4248472" cy="10874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First electron moved to line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Second electron moved 25% along line (between corners of cell)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Fourth electron moved 75% along line</a:t>
            </a:r>
          </a:p>
        </p:txBody>
      </p:sp>
    </p:spTree>
    <p:extLst>
      <p:ext uri="{BB962C8B-B14F-4D97-AF65-F5344CB8AC3E}">
        <p14:creationId xmlns:p14="http://schemas.microsoft.com/office/powerpoint/2010/main" val="2427047846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C390A8-D2E8-4982-A3DF-ADEF96B91CC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0A1D36E-BC1B-46B1-A438-CD4F6145DD6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14886" y="188640"/>
            <a:ext cx="5981335" cy="3045904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8D0EA94D-B311-43EE-AC73-C6C89DCB148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66986" y="3234544"/>
            <a:ext cx="5656440" cy="28232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46533355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6837CA-7C3B-4A51-A99A-301043AEB04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7ECBCD1-98C8-4B87-8B57-3B5F4CB4256B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-1182" r="56289" b="30770"/>
          <a:stretch/>
        </p:blipFill>
        <p:spPr>
          <a:xfrm>
            <a:off x="467663" y="1268760"/>
            <a:ext cx="6192688" cy="410686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43EF835-C47D-4835-BC7A-786803A66B8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86676" y="1412776"/>
            <a:ext cx="5123476" cy="676992"/>
          </a:xfrm>
          <a:prstGeom prst="rect">
            <a:avLst/>
          </a:prstGeom>
        </p:spPr>
      </p:pic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AE2F3F4-7377-4A89-A5C9-EA7FCD5A3581}"/>
              </a:ext>
            </a:extLst>
          </p:cNvPr>
          <p:cNvCxnSpPr/>
          <p:nvPr/>
        </p:nvCxnSpPr>
        <p:spPr bwMode="auto">
          <a:xfrm>
            <a:off x="1054646" y="2852936"/>
            <a:ext cx="5328592" cy="0"/>
          </a:xfrm>
          <a:prstGeom prst="line">
            <a:avLst/>
          </a:prstGeom>
          <a:solidFill>
            <a:schemeClr val="accent1"/>
          </a:solidFill>
          <a:ln w="50800" cap="flat" cmpd="sng" algn="ctr">
            <a:solidFill>
              <a:srgbClr val="FF0000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989207433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930B5-C54A-4032-91F6-D4B11486C8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the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103C15F-9E79-4CA3-BCA0-20B8B2BCE01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B8E1797-E2DA-4916-8D9A-76F192BAAE1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8582" y="1988840"/>
            <a:ext cx="5144218" cy="3848637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A668C79-B4F1-4B1A-BB89-67FCD29E475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60518" y="2292537"/>
            <a:ext cx="4893712" cy="1771058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54EDE165-450A-4226-BE62-E975A4DBA626}"/>
              </a:ext>
            </a:extLst>
          </p:cNvPr>
          <p:cNvSpPr txBox="1"/>
          <p:nvPr/>
        </p:nvSpPr>
        <p:spPr>
          <a:xfrm>
            <a:off x="6671270" y="4365104"/>
            <a:ext cx="5072208" cy="128240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Si = Scalar inputs (the inputs are reduced to the distances between particles)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US" dirty="0">
                <a:latin typeface="+mn-lt"/>
              </a:rPr>
              <a:t>Np = number periodic (the number of sin functions applied to the inputs, when the input is scalar no sin function is applied though it says np1)</a:t>
            </a:r>
          </a:p>
        </p:txBody>
      </p:sp>
    </p:spTree>
    <p:extLst>
      <p:ext uri="{BB962C8B-B14F-4D97-AF65-F5344CB8AC3E}">
        <p14:creationId xmlns:p14="http://schemas.microsoft.com/office/powerpoint/2010/main" val="62809976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81788"/>
            <a:ext cx="9312374" cy="972716"/>
          </a:xfrm>
        </p:spPr>
        <p:txBody>
          <a:bodyPr/>
          <a:lstStyle/>
          <a:p>
            <a:r>
              <a:rPr lang="en-GB" dirty="0"/>
              <a:t>Task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134766" y="2852936"/>
            <a:ext cx="8712968" cy="408687"/>
          </a:xfrm>
        </p:spPr>
        <p:txBody>
          <a:bodyPr/>
          <a:lstStyle/>
          <a:p>
            <a:pPr marL="0" indent="0">
              <a:buNone/>
            </a:pPr>
            <a:r>
              <a:rPr lang="en-GB" sz="2000" dirty="0"/>
              <a:t>Learn a neural network model of the ground state of a metallic system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9BCEEA5-5E86-4A33-85F2-8D7B6F4A7C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326832"/>
            <a:ext cx="9312374" cy="486358"/>
          </a:xfrm>
        </p:spPr>
        <p:txBody>
          <a:bodyPr/>
          <a:lstStyle/>
          <a:p>
            <a:r>
              <a:rPr lang="en-US" dirty="0"/>
              <a:t>Other work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9E6A0B2-3DBF-485A-9B25-589BE88EDD6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F21DAE1-7B6F-45AB-8873-71CB929234A0}"/>
              </a:ext>
            </a:extLst>
          </p:cNvPr>
          <p:cNvSpPr txBox="1"/>
          <p:nvPr/>
        </p:nvSpPr>
        <p:spPr>
          <a:xfrm>
            <a:off x="6208796" y="3500661"/>
            <a:ext cx="3919422" cy="2769989"/>
          </a:xfrm>
          <a:prstGeom prst="rect">
            <a:avLst/>
          </a:prstGeom>
          <a:noFill/>
          <a:ln w="28575">
            <a:solidFill>
              <a:srgbClr val="7030A0"/>
            </a:solidFill>
          </a:ln>
        </p:spPr>
        <p:txBody>
          <a:bodyPr wrap="square">
            <a:spAutoFit/>
          </a:bodyPr>
          <a:lstStyle/>
          <a:p>
            <a:pPr algn="ctr"/>
            <a:r>
              <a:rPr lang="en-US" sz="2000" dirty="0" err="1">
                <a:latin typeface="+mn-lt"/>
              </a:rPr>
              <a:t>PauliNet</a:t>
            </a:r>
            <a:r>
              <a:rPr lang="en-US" dirty="0">
                <a:latin typeface="+mn-lt"/>
              </a:rPr>
              <a:t> </a:t>
            </a:r>
          </a:p>
          <a:p>
            <a:pPr algn="ctr"/>
            <a:r>
              <a:rPr lang="fr-FR" sz="1400" dirty="0">
                <a:latin typeface="+mn-lt"/>
                <a:hlinkClick r:id="rId2"/>
              </a:rPr>
              <a:t>Hermann </a:t>
            </a:r>
            <a:r>
              <a:rPr lang="fr-FR" sz="1400" i="1" dirty="0">
                <a:latin typeface="+mn-lt"/>
                <a:hlinkClick r:id="rId2"/>
              </a:rPr>
              <a:t>et </a:t>
            </a:r>
            <a:r>
              <a:rPr lang="fr-FR" sz="1400" dirty="0">
                <a:latin typeface="+mn-lt"/>
                <a:hlinkClick r:id="rId2"/>
              </a:rPr>
              <a:t>al, Nature Chemistry12, 2020</a:t>
            </a:r>
            <a:endParaRPr lang="fr-FR" sz="1400" dirty="0">
              <a:latin typeface="+mn-lt"/>
            </a:endParaRPr>
          </a:p>
          <a:p>
            <a:pPr algn="ctr"/>
            <a:endParaRPr lang="fr-FR" sz="1400" dirty="0">
              <a:latin typeface="+mn-lt"/>
            </a:endParaRPr>
          </a:p>
          <a:p>
            <a:pPr marL="285750" indent="-285750">
              <a:buFontTx/>
              <a:buChar char="-"/>
            </a:pPr>
            <a:r>
              <a:rPr lang="fr-FR" dirty="0">
                <a:latin typeface="+mn-lt"/>
              </a:rPr>
              <a:t>Atomic/molecular wave functions</a:t>
            </a:r>
          </a:p>
          <a:p>
            <a:pPr marL="285750" indent="-285750">
              <a:buFontTx/>
              <a:buChar char="-"/>
            </a:pPr>
            <a:r>
              <a:rPr lang="fr-FR" dirty="0">
                <a:latin typeface="+mn-lt"/>
              </a:rPr>
              <a:t>Slater-Jastrow-backflow wave function</a:t>
            </a:r>
          </a:p>
          <a:p>
            <a:pPr marL="285750" indent="-285750">
              <a:buFontTx/>
              <a:buChar char="-"/>
            </a:pPr>
            <a:r>
              <a:rPr lang="fr-FR" dirty="0">
                <a:latin typeface="+mn-lt"/>
              </a:rPr>
              <a:t>Graph NN </a:t>
            </a:r>
          </a:p>
          <a:p>
            <a:pPr marL="285750" indent="-285750">
              <a:buFontTx/>
              <a:buChar char="-"/>
            </a:pPr>
            <a:r>
              <a:rPr lang="fr-FR" dirty="0">
                <a:latin typeface="+mn-lt"/>
              </a:rPr>
              <a:t>Fast, but less accurate</a:t>
            </a:r>
            <a:endParaRPr lang="en-US" dirty="0">
              <a:latin typeface="+mn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D176D69-C005-4AC5-AE5B-6720D5CC4A11}"/>
              </a:ext>
            </a:extLst>
          </p:cNvPr>
          <p:cNvSpPr txBox="1"/>
          <p:nvPr/>
        </p:nvSpPr>
        <p:spPr>
          <a:xfrm>
            <a:off x="1963366" y="1078394"/>
            <a:ext cx="3919424" cy="2246769"/>
          </a:xfrm>
          <a:prstGeom prst="rect">
            <a:avLst/>
          </a:prstGeom>
          <a:noFill/>
          <a:ln w="28575">
            <a:solidFill>
              <a:srgbClr val="7030A0"/>
            </a:solidFill>
          </a:ln>
        </p:spPr>
        <p:txBody>
          <a:bodyPr wrap="square">
            <a:spAutoFit/>
          </a:bodyPr>
          <a:lstStyle/>
          <a:p>
            <a:pPr algn="ctr"/>
            <a:r>
              <a:rPr lang="en-US" sz="2000" dirty="0">
                <a:latin typeface="+mn-lt"/>
              </a:rPr>
              <a:t>Solving the QMB with ANNs</a:t>
            </a:r>
          </a:p>
          <a:p>
            <a:pPr algn="ctr"/>
            <a:r>
              <a:rPr lang="en-US" sz="1600" dirty="0" err="1">
                <a:latin typeface="+mn-lt"/>
                <a:hlinkClick r:id="rId3"/>
              </a:rPr>
              <a:t>Carleo</a:t>
            </a:r>
            <a:r>
              <a:rPr lang="en-US" sz="1600" dirty="0">
                <a:latin typeface="+mn-lt"/>
                <a:hlinkClick r:id="rId3"/>
              </a:rPr>
              <a:t> &amp; Troyer, Science 10, 2017</a:t>
            </a:r>
            <a:endParaRPr lang="en-US" sz="1600" dirty="0">
              <a:latin typeface="+mn-lt"/>
            </a:endParaRPr>
          </a:p>
          <a:p>
            <a:pPr algn="ctr"/>
            <a:endParaRPr lang="en-US" dirty="0">
              <a:latin typeface="+mn-lt"/>
            </a:endParaRPr>
          </a:p>
          <a:p>
            <a:pPr marL="285750" indent="-285750">
              <a:buFontTx/>
              <a:buChar char="-"/>
            </a:pPr>
            <a:r>
              <a:rPr lang="en-US" dirty="0">
                <a:latin typeface="+mn-lt"/>
              </a:rPr>
              <a:t>Spin system wave functions</a:t>
            </a:r>
          </a:p>
          <a:p>
            <a:pPr marL="285750" indent="-285750">
              <a:buFontTx/>
              <a:buChar char="-"/>
            </a:pPr>
            <a:r>
              <a:rPr lang="en-US" dirty="0">
                <a:latin typeface="+mn-lt"/>
              </a:rPr>
              <a:t>Boltzmann machine</a:t>
            </a:r>
          </a:p>
          <a:p>
            <a:pPr marL="285750" indent="-285750">
              <a:buFontTx/>
              <a:buChar char="-"/>
            </a:pPr>
            <a:r>
              <a:rPr lang="en-US" dirty="0">
                <a:latin typeface="+mn-lt"/>
              </a:rPr>
              <a:t>First demonstration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B551F09-BCE5-4622-BEEF-514D15631F16}"/>
              </a:ext>
            </a:extLst>
          </p:cNvPr>
          <p:cNvSpPr txBox="1"/>
          <p:nvPr/>
        </p:nvSpPr>
        <p:spPr>
          <a:xfrm>
            <a:off x="1963367" y="3507918"/>
            <a:ext cx="3919423" cy="2893100"/>
          </a:xfrm>
          <a:prstGeom prst="rect">
            <a:avLst/>
          </a:prstGeom>
          <a:noFill/>
          <a:ln w="28575">
            <a:solidFill>
              <a:srgbClr val="7030A0"/>
            </a:solidFill>
          </a:ln>
        </p:spPr>
        <p:txBody>
          <a:bodyPr wrap="square">
            <a:spAutoFit/>
          </a:bodyPr>
          <a:lstStyle/>
          <a:p>
            <a:pPr algn="ctr"/>
            <a:r>
              <a:rPr lang="en-US" sz="2000" dirty="0">
                <a:latin typeface="+mn-lt"/>
              </a:rPr>
              <a:t>Fermi Net</a:t>
            </a:r>
          </a:p>
          <a:p>
            <a:pPr algn="ctr"/>
            <a:r>
              <a:rPr lang="fr-FR" sz="1400" dirty="0">
                <a:latin typeface="+mn-lt"/>
                <a:hlinkClick r:id="rId2"/>
              </a:rPr>
              <a:t>Pfau </a:t>
            </a:r>
            <a:r>
              <a:rPr lang="fr-FR" sz="1400" i="1" dirty="0">
                <a:latin typeface="+mn-lt"/>
                <a:hlinkClick r:id="rId2"/>
              </a:rPr>
              <a:t>et </a:t>
            </a:r>
            <a:r>
              <a:rPr lang="fr-FR" sz="1400" dirty="0">
                <a:latin typeface="+mn-lt"/>
                <a:hlinkClick r:id="rId2"/>
              </a:rPr>
              <a:t>al, Nature Chemistry12, 2020</a:t>
            </a:r>
            <a:endParaRPr lang="fr-FR" sz="1400" dirty="0">
              <a:latin typeface="+mn-lt"/>
            </a:endParaRPr>
          </a:p>
          <a:p>
            <a:pPr algn="ctr"/>
            <a:endParaRPr lang="fr-FR" sz="1400" dirty="0">
              <a:latin typeface="+mn-lt"/>
            </a:endParaRPr>
          </a:p>
          <a:p>
            <a:pPr marL="285750" indent="-285750">
              <a:buFontTx/>
              <a:buChar char="-"/>
            </a:pPr>
            <a:r>
              <a:rPr lang="fr-FR" dirty="0">
                <a:latin typeface="+mn-lt"/>
              </a:rPr>
              <a:t>Atomic/molecular wave functions</a:t>
            </a:r>
          </a:p>
          <a:p>
            <a:pPr marL="285750" indent="-285750">
              <a:buFontTx/>
              <a:buChar char="-"/>
            </a:pPr>
            <a:r>
              <a:rPr lang="fr-FR" dirty="0">
                <a:latin typeface="+mn-lt"/>
              </a:rPr>
              <a:t>Multi-electron orbitals</a:t>
            </a:r>
          </a:p>
          <a:p>
            <a:pPr marL="285750" indent="-285750">
              <a:buFontTx/>
              <a:buChar char="-"/>
            </a:pPr>
            <a:r>
              <a:rPr lang="fr-FR" dirty="0">
                <a:latin typeface="+mn-lt"/>
              </a:rPr>
              <a:t>Graph NN</a:t>
            </a:r>
          </a:p>
          <a:p>
            <a:pPr marL="285750" indent="-285750">
              <a:buFontTx/>
              <a:buChar char="-"/>
            </a:pPr>
            <a:r>
              <a:rPr lang="fr-FR" dirty="0">
                <a:latin typeface="+mn-lt"/>
              </a:rPr>
              <a:t>Expensive, but very accurate</a:t>
            </a:r>
          </a:p>
          <a:p>
            <a:pPr marL="285750" indent="-285750">
              <a:buFontTx/>
              <a:buChar char="-"/>
            </a:pPr>
            <a:endParaRPr lang="en-US" sz="1600" dirty="0">
              <a:latin typeface="Century Gothic" panose="020B0502020202020204" pitchFamily="34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021859E-1487-4362-9760-B290631D7F61}"/>
              </a:ext>
            </a:extLst>
          </p:cNvPr>
          <p:cNvSpPr txBox="1"/>
          <p:nvPr/>
        </p:nvSpPr>
        <p:spPr>
          <a:xfrm>
            <a:off x="6208796" y="1078394"/>
            <a:ext cx="3919421" cy="2123658"/>
          </a:xfrm>
          <a:prstGeom prst="rect">
            <a:avLst/>
          </a:prstGeom>
          <a:noFill/>
          <a:ln w="28575">
            <a:solidFill>
              <a:srgbClr val="7030A0"/>
            </a:solidFill>
          </a:ln>
        </p:spPr>
        <p:txBody>
          <a:bodyPr wrap="square">
            <a:spAutoFit/>
          </a:bodyPr>
          <a:lstStyle/>
          <a:p>
            <a:pPr algn="ctr"/>
            <a:r>
              <a:rPr lang="en-US" sz="2000" dirty="0" err="1">
                <a:latin typeface="+mn-lt"/>
              </a:rPr>
              <a:t>SchNet</a:t>
            </a:r>
            <a:endParaRPr lang="en-US" sz="2000" dirty="0">
              <a:latin typeface="+mn-lt"/>
            </a:endParaRPr>
          </a:p>
          <a:p>
            <a:pPr algn="ctr"/>
            <a:r>
              <a:rPr lang="en-US" sz="1600" u="sng" dirty="0" err="1">
                <a:latin typeface="+mn-lt"/>
                <a:hlinkClick r:id="rId4"/>
              </a:rPr>
              <a:t>Schütt</a:t>
            </a:r>
            <a:r>
              <a:rPr lang="en-US" sz="1600" u="sng" dirty="0">
                <a:latin typeface="+mn-lt"/>
                <a:hlinkClick r:id="rId4"/>
              </a:rPr>
              <a:t> </a:t>
            </a:r>
            <a:r>
              <a:rPr lang="en-US" sz="1600" i="1" u="sng" dirty="0">
                <a:latin typeface="+mn-lt"/>
                <a:hlinkClick r:id="rId4"/>
              </a:rPr>
              <a:t>et al, </a:t>
            </a:r>
            <a:r>
              <a:rPr lang="en-US" sz="1600" u="sng" dirty="0">
                <a:latin typeface="+mn-lt"/>
                <a:hlinkClick r:id="rId4"/>
              </a:rPr>
              <a:t>J</a:t>
            </a:r>
            <a:r>
              <a:rPr lang="en-US" sz="1600" dirty="0">
                <a:latin typeface="+mn-lt"/>
                <a:hlinkClick r:id="rId4"/>
              </a:rPr>
              <a:t>. Chem. Phys. 148, 2019</a:t>
            </a:r>
            <a:endParaRPr lang="en-US" sz="1600" dirty="0">
              <a:latin typeface="+mn-lt"/>
            </a:endParaRPr>
          </a:p>
          <a:p>
            <a:pPr algn="ctr"/>
            <a:endParaRPr lang="en-US" dirty="0">
              <a:latin typeface="+mn-lt"/>
            </a:endParaRPr>
          </a:p>
          <a:p>
            <a:pPr marL="285750" indent="-285750">
              <a:buFontTx/>
              <a:buChar char="-"/>
            </a:pPr>
            <a:r>
              <a:rPr lang="en-US" dirty="0">
                <a:latin typeface="+mn-lt"/>
              </a:rPr>
              <a:t>Atomic/Molecular properties predictions</a:t>
            </a:r>
          </a:p>
          <a:p>
            <a:pPr marL="285750" indent="-285750">
              <a:buFontTx/>
              <a:buChar char="-"/>
            </a:pPr>
            <a:r>
              <a:rPr lang="en-US" dirty="0">
                <a:latin typeface="+mn-lt"/>
              </a:rPr>
              <a:t>Graph NN</a:t>
            </a:r>
          </a:p>
        </p:txBody>
      </p:sp>
    </p:spTree>
    <p:extLst>
      <p:ext uri="{BB962C8B-B14F-4D97-AF65-F5344CB8AC3E}">
        <p14:creationId xmlns:p14="http://schemas.microsoft.com/office/powerpoint/2010/main" val="409821549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083A52-10B8-4E2B-B6FC-90FA7090CD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blem sketch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2F47F92-E070-4ECE-9679-56BD49A6BC4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FBE56A2E-1922-4F60-866C-76BC843417D3}"/>
              </a:ext>
            </a:extLst>
          </p:cNvPr>
          <p:cNvSpPr txBox="1">
            <a:spLocks/>
          </p:cNvSpPr>
          <p:nvPr/>
        </p:nvSpPr>
        <p:spPr bwMode="auto">
          <a:xfrm>
            <a:off x="5749270" y="3809321"/>
            <a:ext cx="6667423" cy="179460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kern="0" dirty="0"/>
              <a:t>The model must be</a:t>
            </a:r>
          </a:p>
          <a:p>
            <a:pPr lvl="1"/>
            <a:r>
              <a:rPr lang="en-GB" kern="0" dirty="0"/>
              <a:t>Periodic</a:t>
            </a:r>
          </a:p>
          <a:p>
            <a:pPr lvl="1"/>
            <a:r>
              <a:rPr lang="en-GB" kern="0" dirty="0"/>
              <a:t>Antisymmetric (fermionic)</a:t>
            </a:r>
          </a:p>
          <a:p>
            <a:pPr lvl="1"/>
            <a:r>
              <a:rPr lang="en-GB" kern="0" dirty="0"/>
              <a:t>Continuous (first- and second- order derivatives)</a:t>
            </a:r>
          </a:p>
          <a:p>
            <a:pPr marL="0" indent="0">
              <a:buFontTx/>
              <a:buNone/>
            </a:pPr>
            <a:endParaRPr lang="en-GB" kern="0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969C2DA-0D4F-4636-9CF8-543891ABDE83}"/>
              </a:ext>
            </a:extLst>
          </p:cNvPr>
          <p:cNvSpPr/>
          <p:nvPr/>
        </p:nvSpPr>
        <p:spPr bwMode="auto">
          <a:xfrm>
            <a:off x="1486694" y="3573016"/>
            <a:ext cx="1616907" cy="1634690"/>
          </a:xfrm>
          <a:prstGeom prst="rect">
            <a:avLst/>
          </a:prstGeom>
          <a:noFill/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404D2878-54B6-451A-A39C-E38620EEFFE6}"/>
              </a:ext>
            </a:extLst>
          </p:cNvPr>
          <p:cNvCxnSpPr>
            <a:cxnSpLocks/>
          </p:cNvCxnSpPr>
          <p:nvPr/>
        </p:nvCxnSpPr>
        <p:spPr bwMode="auto">
          <a:xfrm>
            <a:off x="3103601" y="2483442"/>
            <a:ext cx="0" cy="3225061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C5F38216-F881-4D6C-8AC8-BEC2307C4FF1}"/>
              </a:ext>
            </a:extLst>
          </p:cNvPr>
          <p:cNvCxnSpPr>
            <a:cxnSpLocks/>
          </p:cNvCxnSpPr>
          <p:nvPr/>
        </p:nvCxnSpPr>
        <p:spPr bwMode="auto">
          <a:xfrm>
            <a:off x="1202780" y="5207706"/>
            <a:ext cx="3517728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EDF77E09-0C5A-4858-8C5A-D518E8DEAE1C}"/>
              </a:ext>
            </a:extLst>
          </p:cNvPr>
          <p:cNvCxnSpPr>
            <a:cxnSpLocks/>
          </p:cNvCxnSpPr>
          <p:nvPr/>
        </p:nvCxnSpPr>
        <p:spPr bwMode="auto">
          <a:xfrm flipH="1">
            <a:off x="1486692" y="3224923"/>
            <a:ext cx="4121" cy="2447576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806F491F-5BB6-49C5-8FDB-2A17C2024BD0}"/>
              </a:ext>
            </a:extLst>
          </p:cNvPr>
          <p:cNvCxnSpPr>
            <a:cxnSpLocks/>
          </p:cNvCxnSpPr>
          <p:nvPr/>
        </p:nvCxnSpPr>
        <p:spPr bwMode="auto">
          <a:xfrm>
            <a:off x="1202780" y="3583648"/>
            <a:ext cx="3528394" cy="1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lg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25C1D15D-7391-4D4A-A52F-4BC730D01B30}"/>
              </a:ext>
            </a:extLst>
          </p:cNvPr>
          <p:cNvSpPr/>
          <p:nvPr/>
        </p:nvSpPr>
        <p:spPr bwMode="auto">
          <a:xfrm>
            <a:off x="1922859" y="3999397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BF0B6B6B-3293-4C7B-B659-55E5FD8595A9}"/>
              </a:ext>
            </a:extLst>
          </p:cNvPr>
          <p:cNvSpPr/>
          <p:nvPr/>
        </p:nvSpPr>
        <p:spPr bwMode="auto">
          <a:xfrm>
            <a:off x="2808163" y="4803008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129ADDDF-0AFA-44B1-8110-8F767C392B23}"/>
              </a:ext>
            </a:extLst>
          </p:cNvPr>
          <p:cNvGrpSpPr/>
          <p:nvPr/>
        </p:nvGrpSpPr>
        <p:grpSpPr>
          <a:xfrm>
            <a:off x="2101406" y="4631323"/>
            <a:ext cx="166298" cy="166298"/>
            <a:chOff x="4921380" y="2239318"/>
            <a:chExt cx="360040" cy="360040"/>
          </a:xfrm>
        </p:grpSpPr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12AF9EC4-115E-41C7-9D98-96C804205317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93600315-2B28-4648-A150-D50A922F977E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792FBCF-E290-4677-AA32-3035796D98E9}"/>
              </a:ext>
            </a:extLst>
          </p:cNvPr>
          <p:cNvGrpSpPr/>
          <p:nvPr/>
        </p:nvGrpSpPr>
        <p:grpSpPr>
          <a:xfrm>
            <a:off x="2435817" y="3719990"/>
            <a:ext cx="166298" cy="166298"/>
            <a:chOff x="4921380" y="2239318"/>
            <a:chExt cx="360040" cy="360040"/>
          </a:xfrm>
        </p:grpSpPr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438EA471-6B66-4020-9E29-DA9951AC4E2C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D5E66310-8494-4ED4-98EA-7311843FC3C6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2DD6146F-B435-41ED-87CC-15E7EA07CB20}"/>
              </a:ext>
            </a:extLst>
          </p:cNvPr>
          <p:cNvCxnSpPr>
            <a:cxnSpLocks/>
            <a:endCxn id="11" idx="3"/>
          </p:cNvCxnSpPr>
          <p:nvPr/>
        </p:nvCxnSpPr>
        <p:spPr bwMode="auto">
          <a:xfrm flipV="1">
            <a:off x="1486694" y="4120551"/>
            <a:ext cx="456952" cy="10871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0A83A098-FEBA-4EE1-9802-DD41EDEA0F18}"/>
              </a:ext>
            </a:extLst>
          </p:cNvPr>
          <p:cNvCxnSpPr/>
          <p:nvPr/>
        </p:nvCxnSpPr>
        <p:spPr bwMode="auto">
          <a:xfrm flipV="1">
            <a:off x="1486693" y="4693452"/>
            <a:ext cx="669490" cy="51425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2AA3587E-6227-49D6-8871-18377A95A241}"/>
              </a:ext>
            </a:extLst>
          </p:cNvPr>
          <p:cNvCxnSpPr>
            <a:cxnSpLocks/>
            <a:endCxn id="12" idx="3"/>
          </p:cNvCxnSpPr>
          <p:nvPr/>
        </p:nvCxnSpPr>
        <p:spPr bwMode="auto">
          <a:xfrm flipV="1">
            <a:off x="1498542" y="4924162"/>
            <a:ext cx="1330408" cy="25734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107C931B-7790-4399-9AAD-79D723B1871E}"/>
              </a:ext>
            </a:extLst>
          </p:cNvPr>
          <p:cNvCxnSpPr/>
          <p:nvPr/>
        </p:nvCxnSpPr>
        <p:spPr bwMode="auto">
          <a:xfrm flipV="1">
            <a:off x="1501101" y="3800439"/>
            <a:ext cx="987419" cy="139303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Oval 22">
            <a:extLst>
              <a:ext uri="{FF2B5EF4-FFF2-40B4-BE49-F238E27FC236}">
                <a16:creationId xmlns:a16="http://schemas.microsoft.com/office/drawing/2014/main" id="{5E655A0A-456F-48C3-93D1-28C8D6E8E306}"/>
              </a:ext>
            </a:extLst>
          </p:cNvPr>
          <p:cNvSpPr/>
          <p:nvPr/>
        </p:nvSpPr>
        <p:spPr bwMode="auto">
          <a:xfrm>
            <a:off x="3557835" y="5636494"/>
            <a:ext cx="141941" cy="141941"/>
          </a:xfrm>
          <a:prstGeom prst="ellipse">
            <a:avLst/>
          </a:prstGeom>
          <a:solidFill>
            <a:schemeClr val="accent1">
              <a:alpha val="50000"/>
            </a:schemeClr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C00202A5-7195-411A-A7C2-3D116035E75A}"/>
              </a:ext>
            </a:extLst>
          </p:cNvPr>
          <p:cNvGrpSpPr/>
          <p:nvPr/>
        </p:nvGrpSpPr>
        <p:grpSpPr>
          <a:xfrm>
            <a:off x="4070793" y="5357087"/>
            <a:ext cx="166298" cy="166298"/>
            <a:chOff x="4921380" y="2239318"/>
            <a:chExt cx="360040" cy="360040"/>
          </a:xfrm>
        </p:grpSpPr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A90600BC-49E6-494C-A1FF-D841AC11DEC3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EE704315-2204-44A4-B9EB-A51CFF53C664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27" name="Oval 26">
            <a:extLst>
              <a:ext uri="{FF2B5EF4-FFF2-40B4-BE49-F238E27FC236}">
                <a16:creationId xmlns:a16="http://schemas.microsoft.com/office/drawing/2014/main" id="{0633DEE4-AC4E-41FC-B30C-D1649E487884}"/>
              </a:ext>
            </a:extLst>
          </p:cNvPr>
          <p:cNvSpPr/>
          <p:nvPr/>
        </p:nvSpPr>
        <p:spPr bwMode="auto">
          <a:xfrm>
            <a:off x="3551928" y="4004785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5781B4AA-E7E1-4890-AA7B-3A8C3B586FCB}"/>
              </a:ext>
            </a:extLst>
          </p:cNvPr>
          <p:cNvSpPr/>
          <p:nvPr/>
        </p:nvSpPr>
        <p:spPr bwMode="auto">
          <a:xfrm>
            <a:off x="4437232" y="4808396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29" name="Group 28">
            <a:extLst>
              <a:ext uri="{FF2B5EF4-FFF2-40B4-BE49-F238E27FC236}">
                <a16:creationId xmlns:a16="http://schemas.microsoft.com/office/drawing/2014/main" id="{E9B718F9-ED7E-4FD1-B824-2B50435E4736}"/>
              </a:ext>
            </a:extLst>
          </p:cNvPr>
          <p:cNvGrpSpPr/>
          <p:nvPr/>
        </p:nvGrpSpPr>
        <p:grpSpPr>
          <a:xfrm>
            <a:off x="3730475" y="4636711"/>
            <a:ext cx="166298" cy="166298"/>
            <a:chOff x="4921380" y="2239318"/>
            <a:chExt cx="360040" cy="360040"/>
          </a:xfrm>
        </p:grpSpPr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BAB70BE3-1EDD-416A-BEE1-E81F5CFAAAF5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022505E9-1257-4A59-98EA-B4783CE62CFE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498443B6-5DCF-4DD7-9490-8CC6985C865D}"/>
              </a:ext>
            </a:extLst>
          </p:cNvPr>
          <p:cNvGrpSpPr/>
          <p:nvPr/>
        </p:nvGrpSpPr>
        <p:grpSpPr>
          <a:xfrm>
            <a:off x="4064886" y="3725378"/>
            <a:ext cx="166298" cy="166298"/>
            <a:chOff x="4921380" y="2239318"/>
            <a:chExt cx="360040" cy="360040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B06E107D-9E1F-4ED5-B047-3BC2DE62EECB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A5CD5E58-2B55-400B-9374-CFFBAA5D6C85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35" name="Oval 34">
            <a:extLst>
              <a:ext uri="{FF2B5EF4-FFF2-40B4-BE49-F238E27FC236}">
                <a16:creationId xmlns:a16="http://schemas.microsoft.com/office/drawing/2014/main" id="{082FE617-6ED7-44F2-AD6D-A9C958451FF4}"/>
              </a:ext>
            </a:extLst>
          </p:cNvPr>
          <p:cNvSpPr/>
          <p:nvPr/>
        </p:nvSpPr>
        <p:spPr bwMode="auto">
          <a:xfrm>
            <a:off x="3551928" y="2483441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FBCA98F2-5DD1-478D-B4F6-696CF26C99DF}"/>
              </a:ext>
            </a:extLst>
          </p:cNvPr>
          <p:cNvSpPr/>
          <p:nvPr/>
        </p:nvSpPr>
        <p:spPr bwMode="auto">
          <a:xfrm>
            <a:off x="4437232" y="3287052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E4B8AD82-DFC5-4BC4-84B3-3A0F67F4B535}"/>
              </a:ext>
            </a:extLst>
          </p:cNvPr>
          <p:cNvGrpSpPr/>
          <p:nvPr/>
        </p:nvGrpSpPr>
        <p:grpSpPr>
          <a:xfrm>
            <a:off x="3730475" y="3115367"/>
            <a:ext cx="166298" cy="166298"/>
            <a:chOff x="4921380" y="2239318"/>
            <a:chExt cx="360040" cy="360040"/>
          </a:xfrm>
        </p:grpSpPr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3666C592-80C1-4BF0-A040-32252B4A5088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F6BB931C-210C-4694-8232-E322778EBBFD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40" name="Group 39">
            <a:extLst>
              <a:ext uri="{FF2B5EF4-FFF2-40B4-BE49-F238E27FC236}">
                <a16:creationId xmlns:a16="http://schemas.microsoft.com/office/drawing/2014/main" id="{06DC73E9-4A6A-46BE-8784-08328B4FC87A}"/>
              </a:ext>
            </a:extLst>
          </p:cNvPr>
          <p:cNvGrpSpPr/>
          <p:nvPr/>
        </p:nvGrpSpPr>
        <p:grpSpPr>
          <a:xfrm>
            <a:off x="4064886" y="2204034"/>
            <a:ext cx="166298" cy="166298"/>
            <a:chOff x="4921380" y="2239318"/>
            <a:chExt cx="360040" cy="360040"/>
          </a:xfrm>
        </p:grpSpPr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D107B058-699A-4582-B40F-E12755D9FAA2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F670DDCE-E2ED-4207-9C15-D63AA600AE6C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>
                  <a:alpha val="50000"/>
                </a:srgb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43" name="TextBox 42">
            <a:extLst>
              <a:ext uri="{FF2B5EF4-FFF2-40B4-BE49-F238E27FC236}">
                <a16:creationId xmlns:a16="http://schemas.microsoft.com/office/drawing/2014/main" id="{3C68B410-C746-4DD0-AFB0-9C2FB02ABC9B}"/>
              </a:ext>
            </a:extLst>
          </p:cNvPr>
          <p:cNvSpPr txBox="1"/>
          <p:nvPr/>
        </p:nvSpPr>
        <p:spPr>
          <a:xfrm flipH="1">
            <a:off x="2209485" y="3085187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201D3797-8320-4FB7-B992-DABB561833EF}"/>
              </a:ext>
            </a:extLst>
          </p:cNvPr>
          <p:cNvSpPr txBox="1"/>
          <p:nvPr/>
        </p:nvSpPr>
        <p:spPr>
          <a:xfrm flipH="1">
            <a:off x="978990" y="4151988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FECDD88E-EAA5-43A8-BBC0-29664513BAD6}"/>
              </a:ext>
            </a:extLst>
          </p:cNvPr>
          <p:cNvSpPr txBox="1"/>
          <p:nvPr/>
        </p:nvSpPr>
        <p:spPr>
          <a:xfrm flipH="1">
            <a:off x="2183423" y="5328264"/>
            <a:ext cx="50478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400" dirty="0">
                <a:latin typeface="+mn-lt"/>
              </a:rPr>
              <a:t>...</a:t>
            </a:r>
          </a:p>
        </p:txBody>
      </p:sp>
      <p:grpSp>
        <p:nvGrpSpPr>
          <p:cNvPr id="46" name="Group 45">
            <a:extLst>
              <a:ext uri="{FF2B5EF4-FFF2-40B4-BE49-F238E27FC236}">
                <a16:creationId xmlns:a16="http://schemas.microsoft.com/office/drawing/2014/main" id="{5637295D-D984-405F-BA5B-44A7541B0139}"/>
              </a:ext>
            </a:extLst>
          </p:cNvPr>
          <p:cNvGrpSpPr/>
          <p:nvPr/>
        </p:nvGrpSpPr>
        <p:grpSpPr>
          <a:xfrm>
            <a:off x="5771700" y="2167213"/>
            <a:ext cx="166298" cy="166298"/>
            <a:chOff x="4921380" y="2239318"/>
            <a:chExt cx="360040" cy="360040"/>
          </a:xfrm>
        </p:grpSpPr>
        <p:cxnSp>
          <p:nvCxnSpPr>
            <p:cNvPr id="47" name="Straight Connector 46">
              <a:extLst>
                <a:ext uri="{FF2B5EF4-FFF2-40B4-BE49-F238E27FC236}">
                  <a16:creationId xmlns:a16="http://schemas.microsoft.com/office/drawing/2014/main" id="{849AA88F-BD83-4F45-BA6D-A5A940C7D0FC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8" name="Straight Connector 47">
              <a:extLst>
                <a:ext uri="{FF2B5EF4-FFF2-40B4-BE49-F238E27FC236}">
                  <a16:creationId xmlns:a16="http://schemas.microsoft.com/office/drawing/2014/main" id="{583FABEC-F88F-4D0B-ADC3-C0ABE51B81FB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49" name="Oval 48">
            <a:extLst>
              <a:ext uri="{FF2B5EF4-FFF2-40B4-BE49-F238E27FC236}">
                <a16:creationId xmlns:a16="http://schemas.microsoft.com/office/drawing/2014/main" id="{B85C0B33-DE2B-4D7C-8818-E6CDF496C819}"/>
              </a:ext>
            </a:extLst>
          </p:cNvPr>
          <p:cNvSpPr/>
          <p:nvPr/>
        </p:nvSpPr>
        <p:spPr bwMode="auto">
          <a:xfrm>
            <a:off x="5796057" y="2622204"/>
            <a:ext cx="141941" cy="14194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4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B36AABA9-FF32-48F4-839B-5EAFAF49CA62}"/>
              </a:ext>
            </a:extLst>
          </p:cNvPr>
          <p:cNvSpPr txBox="1"/>
          <p:nvPr/>
        </p:nvSpPr>
        <p:spPr>
          <a:xfrm>
            <a:off x="5591150" y="2081085"/>
            <a:ext cx="623041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1"/>
            <a:r>
              <a:rPr lang="en-GB" kern="0" dirty="0"/>
              <a:t>Electrons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BB785C95-DCE5-4D7C-8565-BC0BBD72F29E}"/>
              </a:ext>
            </a:extLst>
          </p:cNvPr>
          <p:cNvSpPr txBox="1"/>
          <p:nvPr/>
        </p:nvSpPr>
        <p:spPr>
          <a:xfrm>
            <a:off x="5591150" y="2497353"/>
            <a:ext cx="623041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1"/>
            <a:r>
              <a:rPr lang="en-GB" kern="0" dirty="0"/>
              <a:t>Nuclei</a:t>
            </a:r>
          </a:p>
        </p:txBody>
      </p:sp>
    </p:spTree>
    <p:extLst>
      <p:ext uri="{BB962C8B-B14F-4D97-AF65-F5344CB8AC3E}">
        <p14:creationId xmlns:p14="http://schemas.microsoft.com/office/powerpoint/2010/main" val="337433502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5D9303-99B1-4F14-9745-C3C22F22EE7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ystem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49DA69E-8F6A-4E2E-A3CD-D3906B421D1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26654" y="1700808"/>
            <a:ext cx="9312374" cy="4545578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Metallic lithium structure (body-centered cubic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1497E40-A027-4399-B867-59AC72D814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AF67D9F9-0FEE-4138-97D5-EEFE991BF149}"/>
              </a:ext>
            </a:extLst>
          </p:cNvPr>
          <p:cNvSpPr/>
          <p:nvPr/>
        </p:nvSpPr>
        <p:spPr bwMode="auto">
          <a:xfrm>
            <a:off x="4367014" y="3284984"/>
            <a:ext cx="2079848" cy="2079848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098AF198-1B65-4C88-B09B-36F668C37EF5}"/>
              </a:ext>
            </a:extLst>
          </p:cNvPr>
          <p:cNvSpPr/>
          <p:nvPr/>
        </p:nvSpPr>
        <p:spPr bwMode="auto">
          <a:xfrm>
            <a:off x="5010894" y="2704728"/>
            <a:ext cx="1804392" cy="1804392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99FC6B9F-941B-4418-A640-C7FDDB9C79EC}"/>
              </a:ext>
            </a:extLst>
          </p:cNvPr>
          <p:cNvCxnSpPr/>
          <p:nvPr/>
        </p:nvCxnSpPr>
        <p:spPr bwMode="auto">
          <a:xfrm flipV="1">
            <a:off x="4367014" y="2704727"/>
            <a:ext cx="643880" cy="580257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D0C5A842-8C2C-4EB7-8E49-CB766896959F}"/>
              </a:ext>
            </a:extLst>
          </p:cNvPr>
          <p:cNvCxnSpPr/>
          <p:nvPr/>
        </p:nvCxnSpPr>
        <p:spPr bwMode="auto">
          <a:xfrm flipV="1">
            <a:off x="6446862" y="2704728"/>
            <a:ext cx="368424" cy="58025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E325F86C-CDA0-43E7-8E24-16BD83025A4C}"/>
              </a:ext>
            </a:extLst>
          </p:cNvPr>
          <p:cNvCxnSpPr/>
          <p:nvPr/>
        </p:nvCxnSpPr>
        <p:spPr bwMode="auto">
          <a:xfrm flipV="1">
            <a:off x="6446862" y="4509120"/>
            <a:ext cx="368424" cy="855713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FCC09E0-FF71-4049-AB83-28452C57E0D7}"/>
              </a:ext>
            </a:extLst>
          </p:cNvPr>
          <p:cNvCxnSpPr/>
          <p:nvPr/>
        </p:nvCxnSpPr>
        <p:spPr bwMode="auto">
          <a:xfrm flipV="1">
            <a:off x="4367014" y="4509120"/>
            <a:ext cx="643880" cy="855713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13" name="Group 12">
            <a:extLst>
              <a:ext uri="{FF2B5EF4-FFF2-40B4-BE49-F238E27FC236}">
                <a16:creationId xmlns:a16="http://schemas.microsoft.com/office/drawing/2014/main" id="{F2157139-FD54-452D-AC52-D2B512C0CD56}"/>
              </a:ext>
            </a:extLst>
          </p:cNvPr>
          <p:cNvGrpSpPr/>
          <p:nvPr/>
        </p:nvGrpSpPr>
        <p:grpSpPr>
          <a:xfrm>
            <a:off x="6466734" y="3279203"/>
            <a:ext cx="164340" cy="164340"/>
            <a:chOff x="4921380" y="2239318"/>
            <a:chExt cx="360040" cy="360040"/>
          </a:xfrm>
        </p:grpSpPr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655E3199-3ED5-44DF-85ED-08E4BFF1A38B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B68B8732-CF3D-4A50-BF92-5AF7D09A98CD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16" name="Oval 15">
            <a:extLst>
              <a:ext uri="{FF2B5EF4-FFF2-40B4-BE49-F238E27FC236}">
                <a16:creationId xmlns:a16="http://schemas.microsoft.com/office/drawing/2014/main" id="{A7C39A5F-B0D5-4514-8171-61A812B90877}"/>
              </a:ext>
            </a:extLst>
          </p:cNvPr>
          <p:cNvSpPr/>
          <p:nvPr/>
        </p:nvSpPr>
        <p:spPr bwMode="auto">
          <a:xfrm>
            <a:off x="5519142" y="3933056"/>
            <a:ext cx="288032" cy="28803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scene3d>
            <a:camera prst="orthographicFront"/>
            <a:lightRig rig="threePt" dir="t"/>
          </a:scene3d>
          <a:sp3d>
            <a:bevelT w="152400" h="63500"/>
            <a:bevelB w="0"/>
          </a:sp3d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497A4756-4CEC-49A7-B7BD-74CDA5D860F6}"/>
              </a:ext>
            </a:extLst>
          </p:cNvPr>
          <p:cNvSpPr/>
          <p:nvPr/>
        </p:nvSpPr>
        <p:spPr bwMode="auto">
          <a:xfrm>
            <a:off x="4222998" y="5220817"/>
            <a:ext cx="288032" cy="28803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scene3d>
            <a:camera prst="orthographicFront"/>
            <a:lightRig rig="threePt" dir="t"/>
          </a:scene3d>
          <a:sp3d>
            <a:bevelT w="152400" h="63500"/>
            <a:bevelB w="0"/>
          </a:sp3d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19" name="Group 18">
            <a:extLst>
              <a:ext uri="{FF2B5EF4-FFF2-40B4-BE49-F238E27FC236}">
                <a16:creationId xmlns:a16="http://schemas.microsoft.com/office/drawing/2014/main" id="{1B1A501B-F64F-4FE2-AD18-0F1B9AD35E24}"/>
              </a:ext>
            </a:extLst>
          </p:cNvPr>
          <p:cNvGrpSpPr/>
          <p:nvPr/>
        </p:nvGrpSpPr>
        <p:grpSpPr>
          <a:xfrm>
            <a:off x="6061953" y="4016447"/>
            <a:ext cx="166298" cy="166298"/>
            <a:chOff x="4921380" y="2239318"/>
            <a:chExt cx="360040" cy="360040"/>
          </a:xfrm>
        </p:grpSpPr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553AA317-347F-4857-BE83-D7D16F938F5A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175C4946-D5C4-4E21-96D8-52B169521E11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22" name="Group 21">
            <a:extLst>
              <a:ext uri="{FF2B5EF4-FFF2-40B4-BE49-F238E27FC236}">
                <a16:creationId xmlns:a16="http://schemas.microsoft.com/office/drawing/2014/main" id="{B6378B67-35EC-4FEA-B684-90073597222E}"/>
              </a:ext>
            </a:extLst>
          </p:cNvPr>
          <p:cNvGrpSpPr/>
          <p:nvPr/>
        </p:nvGrpSpPr>
        <p:grpSpPr>
          <a:xfrm>
            <a:off x="5052038" y="3360394"/>
            <a:ext cx="140614" cy="140614"/>
            <a:chOff x="4921380" y="2239318"/>
            <a:chExt cx="360040" cy="360040"/>
          </a:xfrm>
        </p:grpSpPr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89786ED4-7CE5-43FA-8314-F7F83C50F497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C5E3BC96-0CDE-4DDE-9FDF-D98880D245DD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25" name="Group 24">
            <a:extLst>
              <a:ext uri="{FF2B5EF4-FFF2-40B4-BE49-F238E27FC236}">
                <a16:creationId xmlns:a16="http://schemas.microsoft.com/office/drawing/2014/main" id="{02C8B632-38E8-4298-9B1C-F4FDC6352569}"/>
              </a:ext>
            </a:extLst>
          </p:cNvPr>
          <p:cNvGrpSpPr/>
          <p:nvPr/>
        </p:nvGrpSpPr>
        <p:grpSpPr>
          <a:xfrm>
            <a:off x="4945659" y="5074043"/>
            <a:ext cx="166298" cy="166298"/>
            <a:chOff x="4921380" y="2239318"/>
            <a:chExt cx="360040" cy="360040"/>
          </a:xfrm>
        </p:grpSpPr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10D372B4-5592-4F2A-AF24-3249F13CD519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5A84C045-AAAE-4BC8-B6AC-4B3431A83CB0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28" name="Group 27">
            <a:extLst>
              <a:ext uri="{FF2B5EF4-FFF2-40B4-BE49-F238E27FC236}">
                <a16:creationId xmlns:a16="http://schemas.microsoft.com/office/drawing/2014/main" id="{10F2F2C8-846C-441F-8DB7-2DE2BB641394}"/>
              </a:ext>
            </a:extLst>
          </p:cNvPr>
          <p:cNvGrpSpPr/>
          <p:nvPr/>
        </p:nvGrpSpPr>
        <p:grpSpPr>
          <a:xfrm>
            <a:off x="5817524" y="4870202"/>
            <a:ext cx="166298" cy="166298"/>
            <a:chOff x="4921380" y="2239318"/>
            <a:chExt cx="360040" cy="360040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7EAAB3CF-EE58-4018-A299-442924D8879C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E375C9B4-D0C1-499A-A689-15B58B4A2E8A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AC262A62-4079-4C66-8055-8CD5E4E837B5}"/>
              </a:ext>
            </a:extLst>
          </p:cNvPr>
          <p:cNvGrpSpPr/>
          <p:nvPr/>
        </p:nvGrpSpPr>
        <p:grpSpPr>
          <a:xfrm>
            <a:off x="4691048" y="4324908"/>
            <a:ext cx="166298" cy="166298"/>
            <a:chOff x="4921380" y="2239318"/>
            <a:chExt cx="360040" cy="360040"/>
          </a:xfrm>
        </p:grpSpPr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A2A79BB2-226E-4292-9ED3-3AB83505556C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DB6B049B-8C61-4A38-A8A3-D2515C6B349D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</p:spTree>
    <p:extLst>
      <p:ext uri="{BB962C8B-B14F-4D97-AF65-F5344CB8AC3E}">
        <p14:creationId xmlns:p14="http://schemas.microsoft.com/office/powerpoint/2010/main" val="196853965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2224F9-95F4-45DA-9B9F-7FDBE0FC08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Variational Monte Carlo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6E16F1E-DACE-4112-8957-A1603D63DF3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3378784"/>
          </a:xfrm>
        </p:spPr>
        <p:txBody>
          <a:bodyPr/>
          <a:lstStyle/>
          <a:p>
            <a:r>
              <a:rPr lang="en-US" dirty="0"/>
              <a:t>Method for evolving a parameterized Ansatz toward the ground state </a:t>
            </a:r>
          </a:p>
          <a:p>
            <a:pPr marL="216000" lvl="1" indent="0">
              <a:buNone/>
            </a:pPr>
            <a:r>
              <a:rPr lang="en-US" dirty="0"/>
              <a:t>                 solving the Schrodinger equation 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endParaRPr lang="en-US" dirty="0"/>
          </a:p>
          <a:p>
            <a:r>
              <a:rPr lang="en-US" dirty="0"/>
              <a:t>Evolving the Ansatz requires</a:t>
            </a:r>
          </a:p>
          <a:p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0BA8A0B-EDC9-414B-863D-809FF62A946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AF79349-28D0-4967-8EE5-3909D58561C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72512" y="2839511"/>
            <a:ext cx="2648320" cy="924054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4FE2B1EF-3430-4B3E-ACD4-F574B2F0CBC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612855" y="4709709"/>
            <a:ext cx="6401693" cy="600159"/>
          </a:xfrm>
          <a:prstGeom prst="rect">
            <a:avLst/>
          </a:prstGeom>
        </p:spPr>
      </p:pic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D7C359C9-C283-41F5-A7A9-242B45DD19FD}"/>
              </a:ext>
            </a:extLst>
          </p:cNvPr>
          <p:cNvCxnSpPr/>
          <p:nvPr/>
        </p:nvCxnSpPr>
        <p:spPr bwMode="auto">
          <a:xfrm flipV="1">
            <a:off x="6861327" y="5149129"/>
            <a:ext cx="0" cy="406783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6D261A0E-2986-4932-AAD5-5C10D58FE326}"/>
              </a:ext>
            </a:extLst>
          </p:cNvPr>
          <p:cNvCxnSpPr/>
          <p:nvPr/>
        </p:nvCxnSpPr>
        <p:spPr bwMode="auto">
          <a:xfrm flipV="1">
            <a:off x="5850930" y="5163716"/>
            <a:ext cx="0" cy="912976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14B8E136-0477-43FA-84B0-1870584E202D}"/>
              </a:ext>
            </a:extLst>
          </p:cNvPr>
          <p:cNvCxnSpPr/>
          <p:nvPr/>
        </p:nvCxnSpPr>
        <p:spPr bwMode="auto">
          <a:xfrm flipV="1">
            <a:off x="3692975" y="5163716"/>
            <a:ext cx="0" cy="307557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9DFACBC6-0E60-488F-AFDB-2F860BE0D391}"/>
              </a:ext>
            </a:extLst>
          </p:cNvPr>
          <p:cNvSpPr txBox="1"/>
          <p:nvPr/>
        </p:nvSpPr>
        <p:spPr>
          <a:xfrm>
            <a:off x="6069239" y="5587119"/>
            <a:ext cx="270426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erivatives </a:t>
            </a:r>
            <a:r>
              <a:rPr lang="en-US" dirty="0" err="1">
                <a:latin typeface="+mn-lt"/>
              </a:rPr>
              <a:t>wf</a:t>
            </a:r>
            <a:r>
              <a:rPr lang="en-US" dirty="0">
                <a:latin typeface="+mn-lt"/>
              </a:rPr>
              <a:t> </a:t>
            </a:r>
            <a:r>
              <a:rPr lang="en-US" dirty="0" err="1">
                <a:latin typeface="+mn-lt"/>
              </a:rPr>
              <a:t>wrt</a:t>
            </a:r>
            <a:r>
              <a:rPr lang="en-US" dirty="0">
                <a:latin typeface="+mn-lt"/>
              </a:rPr>
              <a:t> parameters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283D432B-0E8C-46F4-9CE7-A21FC9F07ACF}"/>
              </a:ext>
            </a:extLst>
          </p:cNvPr>
          <p:cNvSpPr txBox="1"/>
          <p:nvPr/>
        </p:nvSpPr>
        <p:spPr>
          <a:xfrm>
            <a:off x="4773095" y="6110769"/>
            <a:ext cx="23484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Local energy computation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7CCBC25-4853-46DC-ACEE-0B09B36C68FF}"/>
              </a:ext>
            </a:extLst>
          </p:cNvPr>
          <p:cNvSpPr txBox="1"/>
          <p:nvPr/>
        </p:nvSpPr>
        <p:spPr>
          <a:xfrm>
            <a:off x="2728167" y="5497093"/>
            <a:ext cx="202779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Monte Carlo Sampling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87B25A2-AC1A-4444-8FB1-BD6BA3C2F9B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529440" y="2938577"/>
            <a:ext cx="2241165" cy="567541"/>
          </a:xfrm>
          <a:prstGeom prst="rect">
            <a:avLst/>
          </a:prstGeom>
        </p:spPr>
      </p:pic>
      <p:pic>
        <p:nvPicPr>
          <p:cNvPr id="1026" name="Picture 2" descr="See the source image">
            <a:extLst>
              <a:ext uri="{FF2B5EF4-FFF2-40B4-BE49-F238E27FC236}">
                <a16:creationId xmlns:a16="http://schemas.microsoft.com/office/drawing/2014/main" id="{79ADC198-C680-4AE2-8178-723E9AE4A95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30913" y="2017587"/>
            <a:ext cx="363384" cy="3633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8" name="Picture 2" descr="See the source image">
            <a:extLst>
              <a:ext uri="{FF2B5EF4-FFF2-40B4-BE49-F238E27FC236}">
                <a16:creationId xmlns:a16="http://schemas.microsoft.com/office/drawing/2014/main" id="{EF9EFAEB-1E0C-43A8-BFFA-757EE72F5E2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650023" y="2017587"/>
            <a:ext cx="363384" cy="3633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6F1E0455-15F8-4D91-A3A5-241079B40978}"/>
              </a:ext>
            </a:extLst>
          </p:cNvPr>
          <p:cNvCxnSpPr/>
          <p:nvPr/>
        </p:nvCxnSpPr>
        <p:spPr bwMode="auto">
          <a:xfrm flipV="1">
            <a:off x="1817472" y="3408564"/>
            <a:ext cx="0" cy="406783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D85A160E-5008-47C3-83CC-D6AE09B7DAAA}"/>
              </a:ext>
            </a:extLst>
          </p:cNvPr>
          <p:cNvCxnSpPr/>
          <p:nvPr/>
        </p:nvCxnSpPr>
        <p:spPr bwMode="auto">
          <a:xfrm flipV="1">
            <a:off x="3041608" y="3429140"/>
            <a:ext cx="0" cy="406783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0D4F0F62-68D0-4D8D-A4B7-3CA34C5440EE}"/>
              </a:ext>
            </a:extLst>
          </p:cNvPr>
          <p:cNvCxnSpPr/>
          <p:nvPr/>
        </p:nvCxnSpPr>
        <p:spPr bwMode="auto">
          <a:xfrm>
            <a:off x="3257632" y="2740446"/>
            <a:ext cx="0" cy="303390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A54E53C9-B45C-44E0-BB9B-7DAFFC65B00D}"/>
              </a:ext>
            </a:extLst>
          </p:cNvPr>
          <p:cNvCxnSpPr/>
          <p:nvPr/>
        </p:nvCxnSpPr>
        <p:spPr bwMode="auto">
          <a:xfrm flipV="1">
            <a:off x="7768656" y="3485910"/>
            <a:ext cx="0" cy="406783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8DB5F0BF-36CE-4218-8B7D-CD3704184C0C}"/>
              </a:ext>
            </a:extLst>
          </p:cNvPr>
          <p:cNvCxnSpPr/>
          <p:nvPr/>
        </p:nvCxnSpPr>
        <p:spPr bwMode="auto">
          <a:xfrm flipV="1">
            <a:off x="8488736" y="3485910"/>
            <a:ext cx="0" cy="406783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FE1E39B7-0342-4EE5-9F95-30555D18C913}"/>
              </a:ext>
            </a:extLst>
          </p:cNvPr>
          <p:cNvSpPr txBox="1"/>
          <p:nvPr/>
        </p:nvSpPr>
        <p:spPr>
          <a:xfrm>
            <a:off x="1273024" y="3791302"/>
            <a:ext cx="108042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Hamiltonian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29586AE8-6CA6-44BA-86E7-297146F2DC24}"/>
              </a:ext>
            </a:extLst>
          </p:cNvPr>
          <p:cNvSpPr txBox="1"/>
          <p:nvPr/>
        </p:nvSpPr>
        <p:spPr>
          <a:xfrm>
            <a:off x="2748918" y="3809540"/>
            <a:ext cx="64921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Energy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8EE11E56-0EF2-4171-869B-9753EE7D9183}"/>
              </a:ext>
            </a:extLst>
          </p:cNvPr>
          <p:cNvSpPr txBox="1"/>
          <p:nvPr/>
        </p:nvSpPr>
        <p:spPr>
          <a:xfrm>
            <a:off x="3306354" y="2593290"/>
            <a:ext cx="129240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ave function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B90A4B53-FA14-40C1-817A-A91ED18BDDA2}"/>
              </a:ext>
            </a:extLst>
          </p:cNvPr>
          <p:cNvSpPr txBox="1"/>
          <p:nvPr/>
        </p:nvSpPr>
        <p:spPr>
          <a:xfrm>
            <a:off x="7331036" y="3908297"/>
            <a:ext cx="8752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Laplacian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8BEAA45C-0645-4C15-8632-DF1F706FBF2F}"/>
              </a:ext>
            </a:extLst>
          </p:cNvPr>
          <p:cNvSpPr txBox="1"/>
          <p:nvPr/>
        </p:nvSpPr>
        <p:spPr>
          <a:xfrm>
            <a:off x="8416728" y="3916590"/>
            <a:ext cx="79669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Potential</a:t>
            </a:r>
          </a:p>
        </p:txBody>
      </p:sp>
    </p:spTree>
    <p:extLst>
      <p:ext uri="{BB962C8B-B14F-4D97-AF65-F5344CB8AC3E}">
        <p14:creationId xmlns:p14="http://schemas.microsoft.com/office/powerpoint/2010/main" val="408659467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68813D5-D52D-43C3-8416-BC638A3484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nsatz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770DC8B-C45F-4DC9-8F6D-13B0ED142FD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0556D72-AEB5-4AFC-83F3-EE30C4F9208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42778" y="1490705"/>
            <a:ext cx="8432605" cy="4941168"/>
          </a:xfrm>
          <a:prstGeom prst="rect">
            <a:avLst/>
          </a:prstGeom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5E8049F0-FC2B-452A-9823-8ABA4BDE72B2}"/>
              </a:ext>
            </a:extLst>
          </p:cNvPr>
          <p:cNvCxnSpPr/>
          <p:nvPr/>
        </p:nvCxnSpPr>
        <p:spPr bwMode="auto">
          <a:xfrm flipV="1">
            <a:off x="1515030" y="2420888"/>
            <a:ext cx="907768" cy="364161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EA6442EF-68F7-4093-87FC-25B1702D2A0F}"/>
              </a:ext>
            </a:extLst>
          </p:cNvPr>
          <p:cNvSpPr txBox="1"/>
          <p:nvPr/>
        </p:nvSpPr>
        <p:spPr>
          <a:xfrm>
            <a:off x="790195" y="5177046"/>
            <a:ext cx="2016224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Permutation equivariant functions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8117BA1-E516-47D9-8F5B-24CB1BD84CEC}"/>
              </a:ext>
            </a:extLst>
          </p:cNvPr>
          <p:cNvSpPr txBox="1"/>
          <p:nvPr/>
        </p:nvSpPr>
        <p:spPr>
          <a:xfrm>
            <a:off x="226554" y="2785049"/>
            <a:ext cx="201622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Not periodic inputs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24253F57-0346-4F47-A499-0A6BFF8386A6}"/>
              </a:ext>
            </a:extLst>
          </p:cNvPr>
          <p:cNvCxnSpPr/>
          <p:nvPr/>
        </p:nvCxnSpPr>
        <p:spPr bwMode="auto">
          <a:xfrm flipV="1">
            <a:off x="1639094" y="4509120"/>
            <a:ext cx="1503784" cy="72846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08CCA7AF-EEE8-48FE-9E42-FC5E5F71B98E}"/>
              </a:ext>
            </a:extLst>
          </p:cNvPr>
          <p:cNvSpPr txBox="1"/>
          <p:nvPr/>
        </p:nvSpPr>
        <p:spPr>
          <a:xfrm>
            <a:off x="9922826" y="3789040"/>
            <a:ext cx="201622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Not periodic inputs</a:t>
            </a: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01E4C80D-D9E8-44E8-B70B-E1ACDBF1D626}"/>
              </a:ext>
            </a:extLst>
          </p:cNvPr>
          <p:cNvCxnSpPr/>
          <p:nvPr/>
        </p:nvCxnSpPr>
        <p:spPr bwMode="auto">
          <a:xfrm flipH="1">
            <a:off x="9047534" y="3912150"/>
            <a:ext cx="792088" cy="23693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8971952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048CBA34-EF5A-45BD-906E-00636BD6E34D}"/>
              </a:ext>
            </a:extLst>
          </p:cNvPr>
          <p:cNvCxnSpPr/>
          <p:nvPr/>
        </p:nvCxnSpPr>
        <p:spPr bwMode="auto">
          <a:xfrm>
            <a:off x="4871070" y="3076063"/>
            <a:ext cx="0" cy="72008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ysDot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95BB8105-8FDE-4C71-BD6D-E374BD2D3D42}"/>
              </a:ext>
            </a:extLst>
          </p:cNvPr>
          <p:cNvCxnSpPr/>
          <p:nvPr/>
        </p:nvCxnSpPr>
        <p:spPr bwMode="auto">
          <a:xfrm>
            <a:off x="6383238" y="3076063"/>
            <a:ext cx="0" cy="72008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ysDot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F4FDEEAE-B8BB-4394-A9E8-620C324FB862}"/>
              </a:ext>
            </a:extLst>
          </p:cNvPr>
          <p:cNvCxnSpPr/>
          <p:nvPr/>
        </p:nvCxnSpPr>
        <p:spPr bwMode="auto">
          <a:xfrm>
            <a:off x="4871070" y="4033758"/>
            <a:ext cx="0" cy="72008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ysDot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" name="Title 1">
            <a:extLst>
              <a:ext uri="{FF2B5EF4-FFF2-40B4-BE49-F238E27FC236}">
                <a16:creationId xmlns:a16="http://schemas.microsoft.com/office/drawing/2014/main" id="{D2A45C41-C10A-447A-8A14-E0622B4684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144645"/>
            <a:ext cx="9312374" cy="972716"/>
          </a:xfrm>
        </p:spPr>
        <p:txBody>
          <a:bodyPr/>
          <a:lstStyle/>
          <a:p>
            <a:r>
              <a:rPr lang="en-US" dirty="0"/>
              <a:t>Periodic (torus) syste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99C0926-8D9A-4B40-8EC5-A274D108663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AD343A3B-55D3-49A9-8A6B-05605979D3D0}"/>
              </a:ext>
            </a:extLst>
          </p:cNvPr>
          <p:cNvCxnSpPr/>
          <p:nvPr/>
        </p:nvCxnSpPr>
        <p:spPr bwMode="auto">
          <a:xfrm>
            <a:off x="5663158" y="3604737"/>
            <a:ext cx="0" cy="52628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80043AB-59CA-42A9-879E-CACB7360F7BA}"/>
              </a:ext>
            </a:extLst>
          </p:cNvPr>
          <p:cNvSpPr/>
          <p:nvPr/>
        </p:nvSpPr>
        <p:spPr bwMode="auto">
          <a:xfrm>
            <a:off x="4799062" y="3233680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C5FAE88A-0FA8-4320-9D3B-7A0EC67C6B59}"/>
              </a:ext>
            </a:extLst>
          </p:cNvPr>
          <p:cNvSpPr/>
          <p:nvPr/>
        </p:nvSpPr>
        <p:spPr bwMode="auto">
          <a:xfrm>
            <a:off x="6300959" y="3236707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6D524E17-D0E0-4F59-9E60-BE8AF7DD87D5}"/>
              </a:ext>
            </a:extLst>
          </p:cNvPr>
          <p:cNvCxnSpPr/>
          <p:nvPr/>
        </p:nvCxnSpPr>
        <p:spPr bwMode="auto">
          <a:xfrm flipH="1">
            <a:off x="6457491" y="3316469"/>
            <a:ext cx="371181" cy="194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32" name="Group 31">
            <a:extLst>
              <a:ext uri="{FF2B5EF4-FFF2-40B4-BE49-F238E27FC236}">
                <a16:creationId xmlns:a16="http://schemas.microsoft.com/office/drawing/2014/main" id="{6A5C94C1-1BF7-49A2-ABEA-69FD157897EA}"/>
              </a:ext>
            </a:extLst>
          </p:cNvPr>
          <p:cNvGrpSpPr/>
          <p:nvPr/>
        </p:nvGrpSpPr>
        <p:grpSpPr>
          <a:xfrm>
            <a:off x="6773025" y="3220590"/>
            <a:ext cx="166298" cy="166298"/>
            <a:chOff x="4921380" y="2239318"/>
            <a:chExt cx="360040" cy="360040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E03AEE64-8BF1-4223-BD28-4A4996BAA51E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B5DAEB8D-2CCA-4006-BF23-AF810DF9349E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D7B60CE0-8AE3-4246-9707-E714B8AEE7E0}"/>
              </a:ext>
            </a:extLst>
          </p:cNvPr>
          <p:cNvCxnSpPr/>
          <p:nvPr/>
        </p:nvCxnSpPr>
        <p:spPr bwMode="auto">
          <a:xfrm>
            <a:off x="4943078" y="3529702"/>
            <a:ext cx="1440160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0002391B-648A-4E01-9229-95B734DA299D}"/>
              </a:ext>
            </a:extLst>
          </p:cNvPr>
          <p:cNvCxnSpPr/>
          <p:nvPr/>
        </p:nvCxnSpPr>
        <p:spPr bwMode="auto">
          <a:xfrm>
            <a:off x="6383238" y="4033758"/>
            <a:ext cx="0" cy="72008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FF0000"/>
            </a:solidFill>
            <a:prstDash val="sysDot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14625893-96C2-4F2F-A6AC-BCB645FD208F}"/>
              </a:ext>
            </a:extLst>
          </p:cNvPr>
          <p:cNvCxnSpPr/>
          <p:nvPr/>
        </p:nvCxnSpPr>
        <p:spPr bwMode="auto">
          <a:xfrm>
            <a:off x="4222998" y="3529702"/>
            <a:ext cx="3024336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2" name="Oval 51">
            <a:extLst>
              <a:ext uri="{FF2B5EF4-FFF2-40B4-BE49-F238E27FC236}">
                <a16:creationId xmlns:a16="http://schemas.microsoft.com/office/drawing/2014/main" id="{5A3DB758-16BC-4E2F-9B68-7266794AE557}"/>
              </a:ext>
            </a:extLst>
          </p:cNvPr>
          <p:cNvSpPr/>
          <p:nvPr/>
        </p:nvSpPr>
        <p:spPr bwMode="auto">
          <a:xfrm>
            <a:off x="4799062" y="4213098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3" name="Oval 52">
            <a:extLst>
              <a:ext uri="{FF2B5EF4-FFF2-40B4-BE49-F238E27FC236}">
                <a16:creationId xmlns:a16="http://schemas.microsoft.com/office/drawing/2014/main" id="{A75CAC67-E7FF-4270-93F1-06EC5A14F150}"/>
              </a:ext>
            </a:extLst>
          </p:cNvPr>
          <p:cNvSpPr/>
          <p:nvPr/>
        </p:nvSpPr>
        <p:spPr bwMode="auto">
          <a:xfrm>
            <a:off x="6300959" y="4216125"/>
            <a:ext cx="144016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>
                <a:alpha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2E825930-288E-4476-A17C-922AB8EB4BFB}"/>
              </a:ext>
            </a:extLst>
          </p:cNvPr>
          <p:cNvCxnSpPr/>
          <p:nvPr/>
        </p:nvCxnSpPr>
        <p:spPr bwMode="auto">
          <a:xfrm>
            <a:off x="4943078" y="4509120"/>
            <a:ext cx="1440160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BD43B6E9-86C0-42BC-9581-2D9CAB7FB8EF}"/>
              </a:ext>
            </a:extLst>
          </p:cNvPr>
          <p:cNvCxnSpPr/>
          <p:nvPr/>
        </p:nvCxnSpPr>
        <p:spPr bwMode="auto">
          <a:xfrm>
            <a:off x="4222998" y="4509120"/>
            <a:ext cx="3024336" cy="0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3BCE831C-5176-4077-B2D2-389CB71C178B}"/>
              </a:ext>
            </a:extLst>
          </p:cNvPr>
          <p:cNvCxnSpPr/>
          <p:nvPr/>
        </p:nvCxnSpPr>
        <p:spPr bwMode="auto">
          <a:xfrm flipH="1">
            <a:off x="4929472" y="4302347"/>
            <a:ext cx="371181" cy="194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>
                <a:alpha val="50000"/>
              </a:schemeClr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25" name="Group 24">
            <a:extLst>
              <a:ext uri="{FF2B5EF4-FFF2-40B4-BE49-F238E27FC236}">
                <a16:creationId xmlns:a16="http://schemas.microsoft.com/office/drawing/2014/main" id="{7084D78D-2ACD-42C3-9486-0EC55CE4F0A0}"/>
              </a:ext>
            </a:extLst>
          </p:cNvPr>
          <p:cNvGrpSpPr/>
          <p:nvPr/>
        </p:nvGrpSpPr>
        <p:grpSpPr>
          <a:xfrm>
            <a:off x="5245006" y="4206468"/>
            <a:ext cx="166298" cy="166298"/>
            <a:chOff x="4921380" y="2239318"/>
            <a:chExt cx="360040" cy="360040"/>
          </a:xfrm>
        </p:grpSpPr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2ED40F76-C861-4C01-9C85-102F9BE09149}"/>
                </a:ext>
              </a:extLst>
            </p:cNvPr>
            <p:cNvCxnSpPr/>
            <p:nvPr/>
          </p:nvCxnSpPr>
          <p:spPr bwMode="auto">
            <a:xfrm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F3BEEEC2-771D-46D2-A03D-F29890F5EF59}"/>
                </a:ext>
              </a:extLst>
            </p:cNvPr>
            <p:cNvCxnSpPr/>
            <p:nvPr/>
          </p:nvCxnSpPr>
          <p:spPr bwMode="auto">
            <a:xfrm flipH="1">
              <a:off x="4921380" y="2239318"/>
              <a:ext cx="360040" cy="36004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rgbClr val="0070C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3C045182-D6D8-48D4-B919-590F929B3C1F}"/>
              </a:ext>
            </a:extLst>
          </p:cNvPr>
          <p:cNvCxnSpPr>
            <a:stCxn id="12" idx="2"/>
          </p:cNvCxnSpPr>
          <p:nvPr/>
        </p:nvCxnSpPr>
        <p:spPr bwMode="auto">
          <a:xfrm>
            <a:off x="4519733" y="2245351"/>
            <a:ext cx="304737" cy="88877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7242AAD2-A5DF-4F2B-AF41-D99407A84DEF}"/>
              </a:ext>
            </a:extLst>
          </p:cNvPr>
          <p:cNvCxnSpPr/>
          <p:nvPr/>
        </p:nvCxnSpPr>
        <p:spPr bwMode="auto">
          <a:xfrm flipH="1">
            <a:off x="6491249" y="2428217"/>
            <a:ext cx="864097" cy="74443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4469EFA7-F453-4FB1-9B2E-5B8D6E4E4A4C}"/>
              </a:ext>
            </a:extLst>
          </p:cNvPr>
          <p:cNvSpPr txBox="1"/>
          <p:nvPr/>
        </p:nvSpPr>
        <p:spPr>
          <a:xfrm>
            <a:off x="3409717" y="1999130"/>
            <a:ext cx="222003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Simulation cell particle A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4BB586FA-7320-4978-8CF8-4C89E36D9586}"/>
              </a:ext>
            </a:extLst>
          </p:cNvPr>
          <p:cNvSpPr txBox="1"/>
          <p:nvPr/>
        </p:nvSpPr>
        <p:spPr>
          <a:xfrm>
            <a:off x="6383238" y="2134057"/>
            <a:ext cx="183531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mage cell particle A</a:t>
            </a:r>
          </a:p>
        </p:txBody>
      </p:sp>
    </p:spTree>
    <p:extLst>
      <p:ext uri="{BB962C8B-B14F-4D97-AF65-F5344CB8AC3E}">
        <p14:creationId xmlns:p14="http://schemas.microsoft.com/office/powerpoint/2010/main" val="238123466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3ca9f389-e808-4e27-8273-94e971263685","elementConfiguration":{"binding":"UserProfile.Offices.Workarea_{{DocumentLanguage}}","disableUpdates":false,"type":"text"}},{"type":"shape","id":"023740c4-7e55-4f22-be66-d4ee5a350266","elementConfiguration":{"format":"{{DateFormats.GeneralDate}}","binding":"Form.Date","disableUpdates":false,"type":"date"}},{"type":"shape","id":"54d0d1d5-a2b8-49a7-a7bd-126b79ab9131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F0RN4GNeNHMiodvk+emwdw=="}]}]]></Templafy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D27AE696-61B6-4B19-9CED-6F2A3F244FE3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6B8AD017-B053-4E30-93B9-B28A44CEC3A4}">
  <ds:schemaRefs/>
</ds:datastoreItem>
</file>

<file path=customXml/itemProps6.xml><?xml version="1.0" encoding="utf-8"?>
<ds:datastoreItem xmlns:ds="http://schemas.openxmlformats.org/officeDocument/2006/customXml" ds:itemID="{1680B9DC-2D51-4402-BB2C-B8DE0C5AC522}">
  <ds:schemaRefs/>
</ds:datastoreItem>
</file>

<file path=customXml/itemProps7.xml><?xml version="1.0" encoding="utf-8"?>
<ds:datastoreItem xmlns:ds="http://schemas.openxmlformats.org/officeDocument/2006/customXml" ds:itemID="{5DEE4BEE-00BA-4E32-BD26-AF535B50AC95}">
  <ds:schemaRefs/>
</ds:datastoreItem>
</file>

<file path=customXml/itemProps8.xml><?xml version="1.0" encoding="utf-8"?>
<ds:datastoreItem xmlns:ds="http://schemas.openxmlformats.org/officeDocument/2006/customXml" ds:itemID="{CA9FC985-930B-40D4-827F-9FAC5D35EA8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096</TotalTime>
  <Words>601</Words>
  <Application>Microsoft Office PowerPoint</Application>
  <PresentationFormat>Custom</PresentationFormat>
  <Paragraphs>186</Paragraphs>
  <Slides>27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7</vt:i4>
      </vt:variant>
    </vt:vector>
  </HeadingPairs>
  <TitlesOfParts>
    <vt:vector size="31" baseType="lpstr">
      <vt:lpstr>Arial</vt:lpstr>
      <vt:lpstr>Century Gothic</vt:lpstr>
      <vt:lpstr>Verdana</vt:lpstr>
      <vt:lpstr>Blank</vt:lpstr>
      <vt:lpstr>PowerPoint Presentation</vt:lpstr>
      <vt:lpstr>Periodic neural network Ansätze</vt:lpstr>
      <vt:lpstr>Task</vt:lpstr>
      <vt:lpstr>Other work</vt:lpstr>
      <vt:lpstr>Problem sketch</vt:lpstr>
      <vt:lpstr>System</vt:lpstr>
      <vt:lpstr>Variational Monte Carlo</vt:lpstr>
      <vt:lpstr>Ansatz</vt:lpstr>
      <vt:lpstr>Periodic (torus) system</vt:lpstr>
      <vt:lpstr>Minimum image convention</vt:lpstr>
      <vt:lpstr>Periodic adjustments: Inputs</vt:lpstr>
      <vt:lpstr>Periodic adjustments: Inputs</vt:lpstr>
      <vt:lpstr>Periodic adjustments: Anisotropic Orbitals</vt:lpstr>
      <vt:lpstr>Periodic adjustments: Anisotropic Orbitals</vt:lpstr>
      <vt:lpstr>Periodic adjustments: Isotropic Orbitals</vt:lpstr>
      <vt:lpstr>Periodic adjustments: Isotropic Orbitals</vt:lpstr>
      <vt:lpstr>Problem sketch</vt:lpstr>
      <vt:lpstr>Energy computation</vt:lpstr>
      <vt:lpstr>Ewald’s summation convergence</vt:lpstr>
      <vt:lpstr>Kinetic energy</vt:lpstr>
      <vt:lpstr>PowerPoint Presentation</vt:lpstr>
      <vt:lpstr>Whaddwe got? Equilibrated electrons </vt:lpstr>
      <vt:lpstr>PowerPoint Presentation</vt:lpstr>
      <vt:lpstr>Electrons in line</vt:lpstr>
      <vt:lpstr>PowerPoint Presentation</vt:lpstr>
      <vt:lpstr>PowerPoint Presentation</vt:lpstr>
      <vt:lpstr>Other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dam Wilson</cp:lastModifiedBy>
  <cp:revision>81</cp:revision>
  <dcterms:created xsi:type="dcterms:W3CDTF">2017-07-31T08:31:56Z</dcterms:created>
  <dcterms:modified xsi:type="dcterms:W3CDTF">2021-09-29T06:54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71193075206687</vt:lpwstr>
  </property>
  <property fmtid="{D5CDD505-2E9C-101B-9397-08002B2CF9AE}" pid="6" name="TemplafyLanguageCode">
    <vt:lpwstr>en-GB</vt:lpwstr>
  </property>
</Properties>
</file>